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526"/>
  <workbookPr defaultThemeVersion="124226"/>
  <mc:AlternateContent xmlns:mc="http://schemas.openxmlformats.org/markup-compatibility/2006">
    <mc:Choice Requires="x15">
      <x15ac:absPath xmlns:x15ac="http://schemas.microsoft.com/office/spreadsheetml/2010/11/ac" url="\\kfs01\s1575\14_食品衛生G\03_食品衛生\02_養成施設\01_申請・届出\02_登録申請・変更届\20260120_北里大学（変更届）\02_ホームページ更新\"/>
    </mc:Choice>
  </mc:AlternateContent>
  <xr:revisionPtr revIDLastSave="0" documentId="13_ncr:1_{04B3B29C-2516-41B4-AEEB-4E4A4691D214}" xr6:coauthVersionLast="47" xr6:coauthVersionMax="47" xr10:uidLastSave="{00000000-0000-0000-0000-000000000000}"/>
  <bookViews>
    <workbookView xWindow="3255" yWindow="-16320" windowWidth="29040" windowHeight="15720" xr2:uid="{00000000-000D-0000-FFFF-FFFF00000000}"/>
  </bookViews>
  <sheets>
    <sheet name="養成施設一覧" sheetId="16" r:id="rId1"/>
    <sheet name="コード" sheetId="17" state="hidden" r:id="rId2"/>
  </sheets>
  <definedNames>
    <definedName name="_xlnm._FilterDatabase" localSheetId="0" hidden="1">養成施設一覧!$B$4:$M$27</definedName>
    <definedName name="_xlnm.Print_Area" localSheetId="0">養成施設一覧!$B$2:$M$28</definedName>
    <definedName name="_xlnm.Print_Titles" localSheetId="0">養成施設一覧!$2:$4</definedName>
    <definedName name="Z_FBEEA069_178F_4ABB_8259_3E4F9BF7147D_.wvu.PrintArea" localSheetId="0" hidden="1">養成施設一覧!$B$2:$M$28</definedName>
    <definedName name="Z_FBEEA069_178F_4ABB_8259_3E4F9BF7147D_.wvu.PrintTitles" localSheetId="0" hidden="1">養成施設一覧!$2:$4</definedName>
  </definedNames>
  <calcPr calcId="162913"/>
  <customWorkbookViews>
    <customWorkbookView name="厚生労働省ネットワークシステム - 個人用ビュー" guid="{FBEEA069-178F-4ABB-8259-3E4F9BF7147D}" mergeInterval="0" personalView="1" maximized="1" windowWidth="1276" windowHeight="714" activeSheetId="1"/>
  </customWorkbookViews>
</workbook>
</file>

<file path=xl/sharedStrings.xml><?xml version="1.0" encoding="utf-8"?>
<sst xmlns="http://schemas.openxmlformats.org/spreadsheetml/2006/main" count="175" uniqueCount="122">
  <si>
    <t>0467-53-2111</t>
  </si>
  <si>
    <t xml:space="preserve"> 042-778-8111</t>
  </si>
  <si>
    <t xml:space="preserve"> 042-742-1411</t>
  </si>
  <si>
    <t>046-291-3250</t>
  </si>
  <si>
    <t xml:space="preserve"> 0466-84-3800</t>
  </si>
  <si>
    <t xml:space="preserve"> 045-786-7760</t>
  </si>
  <si>
    <t>044-934-7570</t>
    <phoneticPr fontId="1"/>
  </si>
  <si>
    <t>0467-44-2111</t>
    <phoneticPr fontId="1"/>
  </si>
  <si>
    <r>
      <rPr>
        <sz val="11"/>
        <color rgb="FF002060"/>
        <rFont val="ＭＳ ゴシック"/>
        <family val="3"/>
        <charset val="128"/>
      </rPr>
      <t>■</t>
    </r>
    <r>
      <rPr>
        <sz val="11"/>
        <rFont val="Calibri"/>
        <family val="2"/>
      </rPr>
      <t xml:space="preserve"> </t>
    </r>
    <r>
      <rPr>
        <sz val="11"/>
        <rFont val="ＭＳ ゴシック"/>
        <family val="3"/>
        <charset val="128"/>
      </rPr>
      <t>養成施設一覧　（食品衛生管理者及び食品衛生監視員）</t>
    </r>
    <rPh sb="2" eb="4">
      <t>ヨウセイ</t>
    </rPh>
    <rPh sb="4" eb="6">
      <t>シセツ</t>
    </rPh>
    <rPh sb="6" eb="8">
      <t>イチラン</t>
    </rPh>
    <phoneticPr fontId="1"/>
  </si>
  <si>
    <r>
      <rPr>
        <sz val="11"/>
        <color theme="0"/>
        <rFont val="ＭＳ ゴシック"/>
        <family val="3"/>
        <charset val="128"/>
      </rPr>
      <t>都道
府県</t>
    </r>
    <phoneticPr fontId="1"/>
  </si>
  <si>
    <r>
      <t xml:space="preserve"> </t>
    </r>
    <r>
      <rPr>
        <sz val="11"/>
        <color theme="0"/>
        <rFont val="ＭＳ ゴシック"/>
        <family val="3"/>
        <charset val="128"/>
      </rPr>
      <t>設置の別</t>
    </r>
    <r>
      <rPr>
        <sz val="11"/>
        <color theme="0"/>
        <rFont val="Calibri"/>
        <family val="2"/>
      </rPr>
      <t xml:space="preserve"> </t>
    </r>
    <phoneticPr fontId="1"/>
  </si>
  <si>
    <r>
      <rPr>
        <sz val="11"/>
        <color theme="0"/>
        <rFont val="ＭＳ ゴシック"/>
        <family val="3"/>
        <charset val="128"/>
      </rPr>
      <t>所在地</t>
    </r>
  </si>
  <si>
    <r>
      <rPr>
        <sz val="11"/>
        <color theme="0"/>
        <rFont val="ＭＳ ゴシック"/>
        <family val="3"/>
        <charset val="128"/>
      </rPr>
      <t>電話番号</t>
    </r>
    <rPh sb="0" eb="2">
      <t>デンワ</t>
    </rPh>
    <rPh sb="2" eb="4">
      <t>バンゴウ</t>
    </rPh>
    <phoneticPr fontId="1"/>
  </si>
  <si>
    <r>
      <rPr>
        <sz val="11"/>
        <color theme="0"/>
        <rFont val="ＭＳ ゴシック"/>
        <family val="3"/>
        <charset val="128"/>
      </rPr>
      <t>登録</t>
    </r>
    <r>
      <rPr>
        <sz val="11"/>
        <color theme="0"/>
        <rFont val="Calibri"/>
        <family val="2"/>
      </rPr>
      <t>(</t>
    </r>
    <r>
      <rPr>
        <sz val="11"/>
        <color theme="0"/>
        <rFont val="ＭＳ ゴシック"/>
        <family val="3"/>
        <charset val="128"/>
      </rPr>
      <t>指定</t>
    </r>
    <r>
      <rPr>
        <sz val="11"/>
        <color theme="0"/>
        <rFont val="Calibri"/>
        <family val="2"/>
      </rPr>
      <t>)</t>
    </r>
    <r>
      <rPr>
        <sz val="11"/>
        <color theme="0"/>
        <rFont val="ＭＳ ゴシック"/>
        <family val="3"/>
        <charset val="128"/>
      </rPr>
      <t>年月日</t>
    </r>
    <r>
      <rPr>
        <sz val="11"/>
        <color theme="0"/>
        <rFont val="Calibri"/>
        <family val="2"/>
      </rPr>
      <t xml:space="preserve"> </t>
    </r>
    <rPh sb="0" eb="2">
      <t>トウロク</t>
    </rPh>
    <rPh sb="3" eb="5">
      <t>シテイ</t>
    </rPh>
    <phoneticPr fontId="1"/>
  </si>
  <si>
    <r>
      <rPr>
        <sz val="11"/>
        <color theme="0"/>
        <rFont val="ＭＳ ゴシック"/>
        <family val="3"/>
        <charset val="128"/>
      </rPr>
      <t>適用開始時期</t>
    </r>
    <rPh sb="0" eb="1">
      <t>テキヨウ</t>
    </rPh>
    <rPh sb="1" eb="3">
      <t>カイシ</t>
    </rPh>
    <rPh sb="3" eb="5">
      <t>ジキ</t>
    </rPh>
    <rPh sb="5" eb="6">
      <t>トウ</t>
    </rPh>
    <phoneticPr fontId="1"/>
  </si>
  <si>
    <r>
      <rPr>
        <sz val="11"/>
        <color theme="0"/>
        <rFont val="ＭＳ ゴシック"/>
        <family val="3"/>
        <charset val="128"/>
      </rPr>
      <t>廃止年月日</t>
    </r>
    <rPh sb="0" eb="2">
      <t>ハイシ</t>
    </rPh>
    <rPh sb="2" eb="5">
      <t>ネンガッピ</t>
    </rPh>
    <phoneticPr fontId="1"/>
  </si>
  <si>
    <r>
      <rPr>
        <sz val="11"/>
        <color theme="0"/>
        <rFont val="ＭＳ ゴシック"/>
        <family val="3"/>
        <charset val="128"/>
      </rPr>
      <t>名称変更履歴</t>
    </r>
    <rPh sb="0" eb="2">
      <t>メイショウ</t>
    </rPh>
    <rPh sb="2" eb="4">
      <t>ヘンコウ</t>
    </rPh>
    <rPh sb="4" eb="6">
      <t>リレキ</t>
    </rPh>
    <phoneticPr fontId="1"/>
  </si>
  <si>
    <r>
      <rPr>
        <sz val="11"/>
        <color theme="0"/>
        <rFont val="ＭＳ ゴシック"/>
        <family val="3"/>
        <charset val="128"/>
      </rPr>
      <t>備考</t>
    </r>
    <rPh sb="0" eb="1">
      <t>ビコウ</t>
    </rPh>
    <phoneticPr fontId="1"/>
  </si>
  <si>
    <r>
      <rPr>
        <sz val="9"/>
        <rFont val="ＭＳ ゴシック"/>
        <family val="3"/>
        <charset val="128"/>
      </rPr>
      <t>食品衛生管理者
食品衛生監視員</t>
    </r>
    <phoneticPr fontId="1"/>
  </si>
  <si>
    <r>
      <rPr>
        <sz val="11"/>
        <rFont val="ＭＳ Ｐゴシック"/>
        <family val="3"/>
        <charset val="128"/>
      </rPr>
      <t>平成</t>
    </r>
    <r>
      <rPr>
        <sz val="11"/>
        <rFont val="Calibri"/>
        <family val="2"/>
      </rPr>
      <t>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0" eb="21">
      <t>ヨウ</t>
    </rPh>
    <phoneticPr fontId="1"/>
  </si>
  <si>
    <r>
      <rPr>
        <sz val="11"/>
        <rFont val="ＭＳ Ｐゴシック"/>
        <family val="3"/>
        <charset val="128"/>
      </rPr>
      <t>平成</t>
    </r>
    <r>
      <rPr>
        <sz val="11"/>
        <rFont val="Calibri"/>
        <family val="2"/>
      </rPr>
      <t>21</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19</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0</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1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7</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2</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0" eb="21">
      <t>テキ</t>
    </rPh>
    <rPh sb="21" eb="22">
      <t>ヨウ</t>
    </rPh>
    <phoneticPr fontId="1"/>
  </si>
  <si>
    <r>
      <rPr>
        <sz val="11"/>
        <rFont val="ＭＳ ゴシック"/>
        <family val="3"/>
        <charset val="128"/>
      </rPr>
      <t>神奈川県</t>
    </r>
    <rPh sb="3" eb="4">
      <t>ケン</t>
    </rPh>
    <phoneticPr fontId="1"/>
  </si>
  <si>
    <r>
      <rPr>
        <sz val="11"/>
        <rFont val="ＭＳ ゴシック"/>
        <family val="3"/>
        <charset val="128"/>
      </rPr>
      <t>麻布公衆衛生短期大学</t>
    </r>
    <phoneticPr fontId="1"/>
  </si>
  <si>
    <r>
      <rPr>
        <sz val="11"/>
        <rFont val="ＭＳ Ｐゴシック"/>
        <family val="3"/>
        <charset val="128"/>
      </rPr>
      <t>昭和</t>
    </r>
    <r>
      <rPr>
        <sz val="11"/>
        <rFont val="Calibri"/>
        <family val="2"/>
      </rPr>
      <t>40</t>
    </r>
    <r>
      <rPr>
        <sz val="11"/>
        <rFont val="ＭＳ Ｐゴシック"/>
        <family val="3"/>
        <charset val="128"/>
      </rPr>
      <t>年</t>
    </r>
    <r>
      <rPr>
        <sz val="11"/>
        <rFont val="Calibri"/>
        <family val="2"/>
      </rPr>
      <t>4</t>
    </r>
    <r>
      <rPr>
        <sz val="11"/>
        <rFont val="ＭＳ Ｐゴシック"/>
        <family val="3"/>
        <charset val="128"/>
      </rPr>
      <t>月以降の入学者からの養成について適用</t>
    </r>
  </si>
  <si>
    <r>
      <rPr>
        <sz val="11"/>
        <rFont val="ＭＳ ゴシック"/>
        <family val="3"/>
        <charset val="128"/>
      </rPr>
      <t>麻布大学の前身である麻布獣医科大学の併設校</t>
    </r>
    <phoneticPr fontId="1"/>
  </si>
  <si>
    <r>
      <rPr>
        <sz val="11"/>
        <rFont val="ＭＳ ゴシック"/>
        <family val="3"/>
        <charset val="128"/>
      </rPr>
      <t>麻布大学生命・環境科学部食品生命科学科及び環境科学科食品衛生管理課程</t>
    </r>
    <rPh sb="4" eb="6">
      <t>セイメイ</t>
    </rPh>
    <rPh sb="9" eb="10">
      <t>カ</t>
    </rPh>
    <phoneticPr fontId="1"/>
  </si>
  <si>
    <r>
      <rPr>
        <sz val="11"/>
        <rFont val="ＭＳ Ｐゴシック"/>
        <family val="3"/>
        <charset val="128"/>
      </rPr>
      <t>昭和</t>
    </r>
    <r>
      <rPr>
        <sz val="11"/>
        <rFont val="Calibri"/>
        <family val="2"/>
      </rPr>
      <t>53</t>
    </r>
    <r>
      <rPr>
        <sz val="11"/>
        <rFont val="ＭＳ Ｐゴシック"/>
        <family val="3"/>
        <charset val="128"/>
      </rPr>
      <t>年</t>
    </r>
    <r>
      <rPr>
        <sz val="11"/>
        <rFont val="Calibri"/>
        <family val="2"/>
      </rPr>
      <t>4</t>
    </r>
    <r>
      <rPr>
        <sz val="11"/>
        <rFont val="ＭＳ Ｐゴシック"/>
        <family val="3"/>
        <charset val="128"/>
      </rPr>
      <t xml:space="preserve">月以降の入学者の養成について適用
</t>
    </r>
  </si>
  <si>
    <r>
      <rPr>
        <sz val="11"/>
        <rFont val="ＭＳ ゴシック"/>
        <family val="3"/>
        <charset val="128"/>
      </rPr>
      <t>麻布大学獣医学部動物応用科学科食品衛生プログラム</t>
    </r>
    <phoneticPr fontId="1"/>
  </si>
  <si>
    <r>
      <rPr>
        <sz val="11"/>
        <rFont val="ＭＳ Ｐゴシック"/>
        <family val="3"/>
        <charset val="128"/>
      </rPr>
      <t>平成</t>
    </r>
    <r>
      <rPr>
        <sz val="11"/>
        <rFont val="Calibri"/>
        <family val="2"/>
      </rPr>
      <t xml:space="preserve"> 8</t>
    </r>
    <r>
      <rPr>
        <sz val="11"/>
        <rFont val="ＭＳ Ｐゴシック"/>
        <family val="3"/>
        <charset val="128"/>
      </rPr>
      <t>年</t>
    </r>
    <r>
      <rPr>
        <sz val="11"/>
        <rFont val="Calibri"/>
        <family val="2"/>
      </rPr>
      <t>12</t>
    </r>
    <r>
      <rPr>
        <sz val="11"/>
        <rFont val="ＭＳ Ｐゴシック"/>
        <family val="3"/>
        <charset val="128"/>
      </rPr>
      <t>月</t>
    </r>
    <r>
      <rPr>
        <sz val="11"/>
        <rFont val="Calibri"/>
        <family val="2"/>
      </rPr>
      <t>25</t>
    </r>
    <r>
      <rPr>
        <sz val="11"/>
        <rFont val="ＭＳ Ｐゴシック"/>
        <family val="3"/>
        <charset val="128"/>
      </rPr>
      <t>日</t>
    </r>
  </si>
  <si>
    <r>
      <rPr>
        <sz val="11"/>
        <rFont val="ＭＳ Ｐゴシック"/>
        <family val="3"/>
        <charset val="128"/>
      </rPr>
      <t>平成</t>
    </r>
    <r>
      <rPr>
        <sz val="11"/>
        <rFont val="Calibri"/>
        <family val="2"/>
      </rPr>
      <t>9</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3" eb="4">
      <t>ネン</t>
    </rPh>
    <rPh sb="5" eb="8">
      <t>ガツイコウ</t>
    </rPh>
    <rPh sb="9" eb="12">
      <t>ニュウガクシャ</t>
    </rPh>
    <rPh sb="13" eb="15">
      <t>ヨウセイ</t>
    </rPh>
    <rPh sb="19" eb="21">
      <t>テキヨウ</t>
    </rPh>
    <phoneticPr fontId="1"/>
  </si>
  <si>
    <r>
      <rPr>
        <sz val="9"/>
        <rFont val="ＭＳ ゴシック"/>
        <family val="3"/>
        <charset val="128"/>
      </rPr>
      <t>（当初）獣医学部動物応用科学科食品衛生コース
平成</t>
    </r>
    <r>
      <rPr>
        <sz val="9"/>
        <rFont val="Calibri"/>
        <family val="2"/>
      </rPr>
      <t>19</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33" eb="35">
      <t>ゲンコウ</t>
    </rPh>
    <phoneticPr fontId="1"/>
  </si>
  <si>
    <r>
      <rPr>
        <sz val="11"/>
        <rFont val="ＭＳ ゴシック"/>
        <family val="3"/>
        <charset val="128"/>
      </rPr>
      <t>麻布大学生命・環境科学部臨床検査技術学科食品衛生管理過程</t>
    </r>
    <rPh sb="0" eb="2">
      <t>アザブ</t>
    </rPh>
    <rPh sb="2" eb="4">
      <t>ダイガク</t>
    </rPh>
    <rPh sb="4" eb="6">
      <t>セイメイ</t>
    </rPh>
    <rPh sb="7" eb="9">
      <t>カンキョウ</t>
    </rPh>
    <phoneticPr fontId="1"/>
  </si>
  <si>
    <r>
      <rPr>
        <sz val="11"/>
        <rFont val="ＭＳ Ｐゴシック"/>
        <family val="3"/>
        <charset val="128"/>
      </rPr>
      <t>昭和</t>
    </r>
    <r>
      <rPr>
        <sz val="11"/>
        <rFont val="Calibri"/>
        <family val="2"/>
      </rPr>
      <t>46</t>
    </r>
    <r>
      <rPr>
        <sz val="11"/>
        <rFont val="ＭＳ Ｐゴシック"/>
        <family val="3"/>
        <charset val="128"/>
      </rPr>
      <t>年</t>
    </r>
    <r>
      <rPr>
        <sz val="11"/>
        <rFont val="Calibri"/>
        <family val="2"/>
      </rPr>
      <t>3</t>
    </r>
    <r>
      <rPr>
        <sz val="11"/>
        <rFont val="ＭＳ Ｐゴシック"/>
        <family val="3"/>
        <charset val="128"/>
      </rPr>
      <t>月以降の卒業者の養成について適用</t>
    </r>
    <rPh sb="20" eb="21">
      <t>テキ</t>
    </rPh>
    <rPh sb="21" eb="22">
      <t>ヨウ</t>
    </rPh>
    <phoneticPr fontId="1"/>
  </si>
  <si>
    <r>
      <rPr>
        <sz val="11"/>
        <rFont val="ＭＳ ゴシック"/>
        <family val="3"/>
        <charset val="128"/>
      </rPr>
      <t>北里大学衛生学部衛生技術学科</t>
    </r>
    <phoneticPr fontId="1"/>
  </si>
  <si>
    <r>
      <rPr>
        <sz val="11"/>
        <rFont val="ＭＳ Ｐゴシック"/>
        <family val="3"/>
        <charset val="128"/>
      </rPr>
      <t>昭和</t>
    </r>
    <r>
      <rPr>
        <sz val="11"/>
        <rFont val="Calibri"/>
        <family val="2"/>
      </rPr>
      <t>43</t>
    </r>
    <r>
      <rPr>
        <sz val="11"/>
        <rFont val="ＭＳ Ｐゴシック"/>
        <family val="3"/>
        <charset val="128"/>
      </rPr>
      <t>年</t>
    </r>
    <r>
      <rPr>
        <sz val="11"/>
        <rFont val="Calibri"/>
        <family val="2"/>
      </rPr>
      <t>4</t>
    </r>
    <r>
      <rPr>
        <sz val="11"/>
        <rFont val="ＭＳ Ｐゴシック"/>
        <family val="3"/>
        <charset val="128"/>
      </rPr>
      <t>月から平成</t>
    </r>
    <r>
      <rPr>
        <sz val="11"/>
        <rFont val="Calibri"/>
        <family val="2"/>
      </rPr>
      <t>5</t>
    </r>
    <r>
      <rPr>
        <sz val="11"/>
        <rFont val="ＭＳ Ｐゴシック"/>
        <family val="3"/>
        <charset val="128"/>
      </rPr>
      <t>年</t>
    </r>
    <r>
      <rPr>
        <sz val="11"/>
        <rFont val="Calibri"/>
        <family val="2"/>
      </rPr>
      <t>4</t>
    </r>
    <r>
      <rPr>
        <sz val="11"/>
        <rFont val="ＭＳ Ｐゴシック"/>
        <family val="3"/>
        <charset val="128"/>
      </rPr>
      <t>月の入学者の養成について適用</t>
    </r>
  </si>
  <si>
    <r>
      <rPr>
        <sz val="11"/>
        <rFont val="ＭＳ ゴシック"/>
        <family val="3"/>
        <charset val="128"/>
      </rPr>
      <t>平成</t>
    </r>
    <r>
      <rPr>
        <sz val="11"/>
        <rFont val="Calibri"/>
        <family val="2"/>
      </rPr>
      <t>9</t>
    </r>
    <r>
      <rPr>
        <sz val="11"/>
        <rFont val="ＭＳ ゴシック"/>
        <family val="3"/>
        <charset val="128"/>
      </rPr>
      <t>年</t>
    </r>
    <r>
      <rPr>
        <sz val="11"/>
        <rFont val="Calibri"/>
        <family val="2"/>
      </rPr>
      <t>4</t>
    </r>
    <r>
      <rPr>
        <sz val="11"/>
        <rFont val="ＭＳ ゴシック"/>
        <family val="3"/>
        <charset val="128"/>
      </rPr>
      <t>月</t>
    </r>
  </si>
  <si>
    <r>
      <rPr>
        <sz val="11"/>
        <rFont val="ＭＳ ゴシック"/>
        <family val="3"/>
        <charset val="128"/>
      </rPr>
      <t>相模女子大学栄養科学部健康栄養学科食品衛生課程及び栄養科学部管理栄養学科食品衛生課程</t>
    </r>
    <rPh sb="6" eb="8">
      <t>エイヨウ</t>
    </rPh>
    <rPh sb="8" eb="11">
      <t>カガクブ</t>
    </rPh>
    <phoneticPr fontId="1"/>
  </si>
  <si>
    <r>
      <rPr>
        <sz val="11"/>
        <rFont val="ＭＳ Ｐゴシック"/>
        <family val="3"/>
        <charset val="128"/>
      </rPr>
      <t>昭和</t>
    </r>
    <r>
      <rPr>
        <sz val="11"/>
        <rFont val="Calibri"/>
        <family val="2"/>
      </rPr>
      <t>45</t>
    </r>
    <r>
      <rPr>
        <sz val="11"/>
        <rFont val="ＭＳ Ｐゴシック"/>
        <family val="3"/>
        <charset val="128"/>
      </rPr>
      <t>年</t>
    </r>
    <r>
      <rPr>
        <sz val="11"/>
        <rFont val="Calibri"/>
        <family val="2"/>
      </rPr>
      <t>3</t>
    </r>
    <r>
      <rPr>
        <sz val="11"/>
        <rFont val="ＭＳ Ｐゴシック"/>
        <family val="3"/>
        <charset val="128"/>
      </rPr>
      <t>月以降の卒業者の養成について適用</t>
    </r>
  </si>
  <si>
    <r>
      <t xml:space="preserve"> </t>
    </r>
    <r>
      <rPr>
        <sz val="9"/>
        <rFont val="ＭＳ ゴシック"/>
        <family val="3"/>
        <charset val="128"/>
      </rPr>
      <t>（当初）学芸学部食物学科管理栄養士専攻
平成</t>
    </r>
    <r>
      <rPr>
        <sz val="9"/>
        <rFont val="Calibri"/>
        <family val="2"/>
      </rPr>
      <t>12</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学芸学部食物学科食物学専攻・管理栄養士専攻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63" eb="65">
      <t>ゲンコウ</t>
    </rPh>
    <phoneticPr fontId="1"/>
  </si>
  <si>
    <r>
      <rPr>
        <sz val="11"/>
        <rFont val="ＭＳ ゴシック"/>
        <family val="3"/>
        <charset val="128"/>
      </rPr>
      <t>相模女子大学短期大学部食物栄養学科</t>
    </r>
    <phoneticPr fontId="1"/>
  </si>
  <si>
    <r>
      <rPr>
        <sz val="11"/>
        <rFont val="ＭＳ Ｐゴシック"/>
        <family val="3"/>
        <charset val="128"/>
      </rPr>
      <t>平成</t>
    </r>
    <r>
      <rPr>
        <sz val="11"/>
        <rFont val="Calibri"/>
        <family val="2"/>
      </rPr>
      <t>13</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1" eb="22">
      <t>ヨウ</t>
    </rPh>
    <phoneticPr fontId="1"/>
  </si>
  <si>
    <r>
      <rPr>
        <sz val="9"/>
        <rFont val="ＭＳ ゴシック"/>
        <family val="3"/>
        <charset val="128"/>
      </rPr>
      <t>（当初）生活学科食物栄養専攻
平成</t>
    </r>
    <r>
      <rPr>
        <sz val="9"/>
        <rFont val="Calibri"/>
        <family val="2"/>
      </rPr>
      <t>1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25" eb="27">
      <t>ゲンコウ</t>
    </rPh>
    <phoneticPr fontId="1"/>
  </si>
  <si>
    <r>
      <rPr>
        <sz val="11"/>
        <rFont val="ＭＳ ゴシック"/>
        <family val="3"/>
        <charset val="128"/>
      </rPr>
      <t>関東学院大学栄養学部管理栄養学科「食品衛生コース」</t>
    </r>
    <rPh sb="6" eb="8">
      <t>エイヨウ</t>
    </rPh>
    <rPh sb="8" eb="9">
      <t>ガク</t>
    </rPh>
    <rPh sb="9" eb="10">
      <t>ブ</t>
    </rPh>
    <rPh sb="10" eb="12">
      <t>カンリ</t>
    </rPh>
    <phoneticPr fontId="1"/>
  </si>
  <si>
    <r>
      <rPr>
        <sz val="11"/>
        <rFont val="ＭＳ ゴシック"/>
        <family val="3"/>
        <charset val="128"/>
      </rPr>
      <t>横浜市金沢区六浦東一丁目</t>
    </r>
    <r>
      <rPr>
        <sz val="11"/>
        <rFont val="Calibri"/>
        <family val="2"/>
      </rPr>
      <t>50</t>
    </r>
    <r>
      <rPr>
        <sz val="11"/>
        <rFont val="ＭＳ ゴシック"/>
        <family val="3"/>
        <charset val="128"/>
      </rPr>
      <t>番</t>
    </r>
    <r>
      <rPr>
        <sz val="11"/>
        <rFont val="Calibri"/>
        <family val="2"/>
      </rPr>
      <t>1</t>
    </r>
    <r>
      <rPr>
        <sz val="11"/>
        <rFont val="ＭＳ ゴシック"/>
        <family val="3"/>
        <charset val="128"/>
      </rPr>
      <t>号</t>
    </r>
    <rPh sb="0" eb="3">
      <t>ヨコハマシ</t>
    </rPh>
    <rPh sb="3" eb="5">
      <t>カナザワ</t>
    </rPh>
    <rPh sb="5" eb="6">
      <t>ク</t>
    </rPh>
    <rPh sb="6" eb="7">
      <t>ロク</t>
    </rPh>
    <rPh sb="7" eb="8">
      <t>ウラ</t>
    </rPh>
    <rPh sb="8" eb="9">
      <t>ヒガシ</t>
    </rPh>
    <rPh sb="9" eb="10">
      <t>イチ</t>
    </rPh>
    <rPh sb="10" eb="12">
      <t>チョウメ</t>
    </rPh>
    <phoneticPr fontId="1"/>
  </si>
  <si>
    <r>
      <rPr>
        <sz val="11"/>
        <rFont val="ＭＳ Ｐゴシック"/>
        <family val="3"/>
        <charset val="128"/>
      </rPr>
      <t>平成</t>
    </r>
    <r>
      <rPr>
        <sz val="11"/>
        <rFont val="Calibri"/>
        <family val="2"/>
      </rPr>
      <t>15</t>
    </r>
    <r>
      <rPr>
        <sz val="11"/>
        <rFont val="ＭＳ Ｐゴシック"/>
        <family val="3"/>
        <charset val="128"/>
      </rPr>
      <t>年</t>
    </r>
    <r>
      <rPr>
        <sz val="11"/>
        <rFont val="Calibri"/>
        <family val="2"/>
      </rPr>
      <t>4</t>
    </r>
    <r>
      <rPr>
        <sz val="11"/>
        <rFont val="ＭＳ Ｐゴシック"/>
        <family val="3"/>
        <charset val="128"/>
      </rPr>
      <t>月</t>
    </r>
    <r>
      <rPr>
        <sz val="11"/>
        <rFont val="Calibri"/>
        <family val="2"/>
      </rPr>
      <t>1</t>
    </r>
    <r>
      <rPr>
        <sz val="11"/>
        <rFont val="ＭＳ Ｐゴシック"/>
        <family val="3"/>
        <charset val="128"/>
      </rPr>
      <t>日以降の入学者の養成について適用</t>
    </r>
    <rPh sb="0" eb="2">
      <t>ヘイセイ</t>
    </rPh>
    <rPh sb="4" eb="5">
      <t>ネン</t>
    </rPh>
    <rPh sb="6" eb="7">
      <t>ガツ</t>
    </rPh>
    <rPh sb="8" eb="9">
      <t>ニチ</t>
    </rPh>
    <rPh sb="9" eb="11">
      <t>イコウ</t>
    </rPh>
    <rPh sb="12" eb="15">
      <t>ニュウガクシャ</t>
    </rPh>
    <rPh sb="16" eb="18">
      <t>ヨウセイ</t>
    </rPh>
    <rPh sb="22" eb="24">
      <t>テキヨウ</t>
    </rPh>
    <phoneticPr fontId="1"/>
  </si>
  <si>
    <r>
      <rPr>
        <sz val="9"/>
        <rFont val="ＭＳ ゴシック"/>
        <family val="3"/>
        <charset val="128"/>
      </rPr>
      <t>（当初）人間環境学部健康栄養学科「食品衛生コース」
平成</t>
    </r>
    <r>
      <rPr>
        <sz val="9"/>
        <rFont val="Calibri"/>
        <family val="2"/>
      </rPr>
      <t>27</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4" eb="6">
      <t>ニンゲン</t>
    </rPh>
    <rPh sb="6" eb="8">
      <t>カンキョウ</t>
    </rPh>
    <rPh sb="8" eb="10">
      <t>ガクブ</t>
    </rPh>
    <rPh sb="10" eb="12">
      <t>ケンコウ</t>
    </rPh>
    <rPh sb="12" eb="14">
      <t>エイヨウ</t>
    </rPh>
    <rPh sb="14" eb="16">
      <t>ガッカ</t>
    </rPh>
    <rPh sb="17" eb="19">
      <t>ショクヒン</t>
    </rPh>
    <rPh sb="19" eb="21">
      <t>エイセイ</t>
    </rPh>
    <rPh sb="36" eb="38">
      <t>ゲンコウ</t>
    </rPh>
    <phoneticPr fontId="1"/>
  </si>
  <si>
    <r>
      <rPr>
        <sz val="11"/>
        <rFont val="ＭＳ ゴシック"/>
        <family val="3"/>
        <charset val="128"/>
      </rPr>
      <t>鎌倉女子大学家政学部管理栄養学科</t>
    </r>
    <phoneticPr fontId="1"/>
  </si>
  <si>
    <r>
      <rPr>
        <sz val="11"/>
        <rFont val="ＭＳ ゴシック"/>
        <family val="3"/>
        <charset val="128"/>
      </rPr>
      <t>鎌倉市大船</t>
    </r>
    <r>
      <rPr>
        <sz val="11"/>
        <rFont val="Calibri"/>
        <family val="2"/>
      </rPr>
      <t>6</t>
    </r>
    <r>
      <rPr>
        <sz val="11"/>
        <rFont val="ＭＳ ゴシック"/>
        <family val="3"/>
        <charset val="128"/>
      </rPr>
      <t>丁目</t>
    </r>
    <r>
      <rPr>
        <sz val="11"/>
        <rFont val="Calibri"/>
        <family val="2"/>
      </rPr>
      <t>1</t>
    </r>
    <r>
      <rPr>
        <sz val="11"/>
        <rFont val="ＭＳ ゴシック"/>
        <family val="3"/>
        <charset val="128"/>
      </rPr>
      <t>番</t>
    </r>
    <r>
      <rPr>
        <sz val="11"/>
        <rFont val="Calibri"/>
        <family val="2"/>
      </rPr>
      <t>3</t>
    </r>
    <r>
      <rPr>
        <sz val="11"/>
        <rFont val="ＭＳ ゴシック"/>
        <family val="3"/>
        <charset val="128"/>
      </rPr>
      <t>号</t>
    </r>
    <rPh sb="0" eb="1">
      <t>オオフナ</t>
    </rPh>
    <rPh sb="2" eb="4">
      <t>チョウメ</t>
    </rPh>
    <rPh sb="7" eb="8">
      <t>ゴウ</t>
    </rPh>
    <phoneticPr fontId="1"/>
  </si>
  <si>
    <r>
      <rPr>
        <sz val="11"/>
        <rFont val="ＭＳ Ｐゴシック"/>
        <family val="3"/>
        <charset val="128"/>
      </rPr>
      <t>昭和</t>
    </r>
    <r>
      <rPr>
        <sz val="11"/>
        <rFont val="Calibri"/>
        <family val="2"/>
      </rPr>
      <t>4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1">
      <t>ネン</t>
    </rPh>
    <rPh sb="6" eb="8">
      <t>ニュウガク</t>
    </rPh>
    <rPh sb="8" eb="9">
      <t>シャ</t>
    </rPh>
    <rPh sb="10" eb="12">
      <t>ヨウセイ</t>
    </rPh>
    <rPh sb="16" eb="18">
      <t>テキヨウヘイセイ</t>
    </rPh>
    <phoneticPr fontId="1"/>
  </si>
  <si>
    <r>
      <rPr>
        <sz val="11"/>
        <rFont val="ＭＳ ゴシック"/>
        <family val="3"/>
        <charset val="128"/>
      </rPr>
      <t>藤沢市亀井野</t>
    </r>
    <r>
      <rPr>
        <sz val="11"/>
        <rFont val="Calibri"/>
        <family val="2"/>
      </rPr>
      <t>1866</t>
    </r>
  </si>
  <si>
    <r>
      <rPr>
        <sz val="11"/>
        <rFont val="ＭＳ Ｐゴシック"/>
        <family val="3"/>
        <charset val="128"/>
      </rPr>
      <t>昭和</t>
    </r>
    <r>
      <rPr>
        <sz val="11"/>
        <rFont val="Calibri"/>
        <family val="2"/>
      </rPr>
      <t>42</t>
    </r>
    <r>
      <rPr>
        <sz val="11"/>
        <rFont val="ＭＳ Ｐゴシック"/>
        <family val="3"/>
        <charset val="128"/>
      </rPr>
      <t>年</t>
    </r>
    <r>
      <rPr>
        <sz val="11"/>
        <rFont val="Calibri"/>
        <family val="2"/>
      </rPr>
      <t>3</t>
    </r>
    <r>
      <rPr>
        <sz val="11"/>
        <rFont val="ＭＳ Ｐゴシック"/>
        <family val="3"/>
        <charset val="128"/>
      </rPr>
      <t>月以降の入学者の養成について適用</t>
    </r>
    <rPh sb="0" eb="2">
      <t>ショウワ</t>
    </rPh>
    <rPh sb="4" eb="5">
      <t>ネン</t>
    </rPh>
    <rPh sb="6" eb="9">
      <t>ガツイコウ</t>
    </rPh>
    <rPh sb="10" eb="12">
      <t>ニュウガク</t>
    </rPh>
    <rPh sb="12" eb="13">
      <t>シャ</t>
    </rPh>
    <rPh sb="14" eb="16">
      <t>ヨウセイ</t>
    </rPh>
    <rPh sb="20" eb="22">
      <t>テキヨウ</t>
    </rPh>
    <phoneticPr fontId="1"/>
  </si>
  <si>
    <r>
      <rPr>
        <sz val="11"/>
        <rFont val="ＭＳ ゴシック"/>
        <family val="3"/>
        <charset val="128"/>
      </rPr>
      <t>日本大学生物資源科学部動物資源科学科食品衛生コース</t>
    </r>
    <phoneticPr fontId="1"/>
  </si>
  <si>
    <r>
      <rPr>
        <sz val="11"/>
        <rFont val="ＭＳ Ｐゴシック"/>
        <family val="3"/>
        <charset val="128"/>
      </rPr>
      <t>平成</t>
    </r>
    <r>
      <rPr>
        <sz val="11"/>
        <rFont val="Calibri"/>
        <family val="2"/>
      </rPr>
      <t xml:space="preserve"> 8</t>
    </r>
    <r>
      <rPr>
        <sz val="11"/>
        <rFont val="ＭＳ Ｐゴシック"/>
        <family val="3"/>
        <charset val="128"/>
      </rPr>
      <t>年</t>
    </r>
    <r>
      <rPr>
        <sz val="11"/>
        <rFont val="Calibri"/>
        <family val="2"/>
      </rPr>
      <t xml:space="preserve"> 1</t>
    </r>
    <r>
      <rPr>
        <sz val="11"/>
        <rFont val="ＭＳ Ｐゴシック"/>
        <family val="3"/>
        <charset val="128"/>
      </rPr>
      <t>月</t>
    </r>
    <r>
      <rPr>
        <sz val="11"/>
        <rFont val="Calibri"/>
        <family val="2"/>
      </rPr>
      <t>26</t>
    </r>
    <r>
      <rPr>
        <sz val="11"/>
        <rFont val="ＭＳ Ｐゴシック"/>
        <family val="3"/>
        <charset val="128"/>
      </rPr>
      <t>日</t>
    </r>
  </si>
  <si>
    <r>
      <rPr>
        <sz val="11"/>
        <rFont val="ＭＳ ゴシック"/>
        <family val="3"/>
        <charset val="128"/>
      </rPr>
      <t>藤沢市亀井野</t>
    </r>
    <r>
      <rPr>
        <sz val="11"/>
        <rFont val="Calibri"/>
        <family val="2"/>
      </rPr>
      <t>1866</t>
    </r>
    <rPh sb="0" eb="3">
      <t>フジサワシ</t>
    </rPh>
    <rPh sb="3" eb="6">
      <t>カメイノ</t>
    </rPh>
    <phoneticPr fontId="1"/>
  </si>
  <si>
    <r>
      <rPr>
        <sz val="11"/>
        <rFont val="ＭＳ ゴシック"/>
        <family val="3"/>
        <charset val="128"/>
      </rPr>
      <t>厚木市下荻野</t>
    </r>
    <r>
      <rPr>
        <sz val="11"/>
        <rFont val="Calibri"/>
        <family val="2"/>
      </rPr>
      <t>1030</t>
    </r>
    <r>
      <rPr>
        <sz val="11"/>
        <rFont val="ＭＳ ゴシック"/>
        <family val="3"/>
        <charset val="128"/>
      </rPr>
      <t>番地</t>
    </r>
    <rPh sb="0" eb="3">
      <t>アツギシ</t>
    </rPh>
    <rPh sb="3" eb="6">
      <t>シモオギノ</t>
    </rPh>
    <rPh sb="10" eb="12">
      <t>バンチ</t>
    </rPh>
    <phoneticPr fontId="1"/>
  </si>
  <si>
    <r>
      <rPr>
        <sz val="11"/>
        <rFont val="ＭＳ ゴシック"/>
        <family val="3"/>
        <charset val="128"/>
      </rPr>
      <t>文教大学健康栄養学部管理栄養学科食品衛生プログラム</t>
    </r>
    <rPh sb="0" eb="2">
      <t>ブンキョウ</t>
    </rPh>
    <rPh sb="2" eb="4">
      <t>ダイガク</t>
    </rPh>
    <rPh sb="4" eb="6">
      <t>ケンコウ</t>
    </rPh>
    <rPh sb="6" eb="8">
      <t>エイヨウ</t>
    </rPh>
    <rPh sb="8" eb="10">
      <t>ガクブ</t>
    </rPh>
    <phoneticPr fontId="1"/>
  </si>
  <si>
    <r>
      <rPr>
        <sz val="11"/>
        <rFont val="ＭＳ ゴシック"/>
        <family val="3"/>
        <charset val="128"/>
      </rPr>
      <t>茅ヶ崎市行谷</t>
    </r>
    <r>
      <rPr>
        <sz val="11"/>
        <rFont val="Calibri"/>
        <family val="2"/>
      </rPr>
      <t>1100</t>
    </r>
    <r>
      <rPr>
        <sz val="11"/>
        <rFont val="ＭＳ ゴシック"/>
        <family val="3"/>
        <charset val="128"/>
      </rPr>
      <t>番地</t>
    </r>
    <rPh sb="0" eb="4">
      <t>チガサキシ</t>
    </rPh>
    <rPh sb="4" eb="5">
      <t>ユ</t>
    </rPh>
    <rPh sb="5" eb="6">
      <t>タニ</t>
    </rPh>
    <rPh sb="10" eb="12">
      <t>バンチ</t>
    </rPh>
    <phoneticPr fontId="1"/>
  </si>
  <si>
    <r>
      <rPr>
        <sz val="11"/>
        <rFont val="ＭＳ Ｐゴシック"/>
        <family val="3"/>
        <charset val="128"/>
      </rPr>
      <t>平成</t>
    </r>
    <r>
      <rPr>
        <sz val="11"/>
        <rFont val="Calibri"/>
        <family val="2"/>
      </rPr>
      <t>22</t>
    </r>
    <r>
      <rPr>
        <sz val="11"/>
        <rFont val="ＭＳ Ｐゴシック"/>
        <family val="3"/>
        <charset val="128"/>
      </rPr>
      <t>年</t>
    </r>
    <r>
      <rPr>
        <sz val="11"/>
        <rFont val="Calibri"/>
        <family val="2"/>
      </rPr>
      <t>4</t>
    </r>
    <r>
      <rPr>
        <sz val="11"/>
        <rFont val="ＭＳ Ｐゴシック"/>
        <family val="3"/>
        <charset val="128"/>
      </rPr>
      <t>月</t>
    </r>
    <r>
      <rPr>
        <sz val="11"/>
        <rFont val="Calibri"/>
        <family val="2"/>
      </rPr>
      <t>1</t>
    </r>
    <r>
      <rPr>
        <sz val="11"/>
        <rFont val="ＭＳ Ｐゴシック"/>
        <family val="3"/>
        <charset val="128"/>
      </rPr>
      <t>日以降の入学者の養成について適用</t>
    </r>
    <rPh sb="0" eb="2">
      <t>ヘイセイ</t>
    </rPh>
    <rPh sb="4" eb="5">
      <t>ネン</t>
    </rPh>
    <rPh sb="6" eb="7">
      <t>ガツ</t>
    </rPh>
    <rPh sb="8" eb="11">
      <t>ニチイコウ</t>
    </rPh>
    <rPh sb="12" eb="15">
      <t>ニュウガクシャ</t>
    </rPh>
    <rPh sb="16" eb="18">
      <t>ヨウセイ</t>
    </rPh>
    <rPh sb="22" eb="24">
      <t>テキヨウ</t>
    </rPh>
    <phoneticPr fontId="1"/>
  </si>
  <si>
    <r>
      <rPr>
        <sz val="11"/>
        <rFont val="ＭＳ ゴシック"/>
        <family val="3"/>
        <charset val="128"/>
      </rPr>
      <t>明治大学農学部農芸化学科食品衛生管理者等任用資格コース</t>
    </r>
    <rPh sb="0" eb="2">
      <t>メイジ</t>
    </rPh>
    <rPh sb="2" eb="4">
      <t>ダイガク</t>
    </rPh>
    <rPh sb="4" eb="7">
      <t>ノウガクブ</t>
    </rPh>
    <rPh sb="7" eb="9">
      <t>ノウゲイ</t>
    </rPh>
    <rPh sb="9" eb="11">
      <t>カガク</t>
    </rPh>
    <rPh sb="11" eb="12">
      <t>カ</t>
    </rPh>
    <rPh sb="12" eb="14">
      <t>ショクヒン</t>
    </rPh>
    <rPh sb="14" eb="16">
      <t>エイセイ</t>
    </rPh>
    <rPh sb="16" eb="18">
      <t>カンリ</t>
    </rPh>
    <rPh sb="18" eb="19">
      <t>シャ</t>
    </rPh>
    <rPh sb="19" eb="20">
      <t>トウ</t>
    </rPh>
    <rPh sb="20" eb="22">
      <t>ニンヨウ</t>
    </rPh>
    <rPh sb="22" eb="24">
      <t>シカク</t>
    </rPh>
    <phoneticPr fontId="1"/>
  </si>
  <si>
    <r>
      <rPr>
        <sz val="11"/>
        <rFont val="ＭＳ ゴシック"/>
        <family val="3"/>
        <charset val="128"/>
      </rPr>
      <t>川崎市多摩区東三田</t>
    </r>
    <r>
      <rPr>
        <sz val="11"/>
        <rFont val="Calibri"/>
        <family val="2"/>
      </rPr>
      <t>1-1-1</t>
    </r>
    <rPh sb="0" eb="3">
      <t>カワサキシ</t>
    </rPh>
    <rPh sb="3" eb="6">
      <t>タマク</t>
    </rPh>
    <rPh sb="6" eb="9">
      <t>ヒガシミタ</t>
    </rPh>
    <phoneticPr fontId="1"/>
  </si>
  <si>
    <r>
      <rPr>
        <sz val="11"/>
        <rFont val="ＭＳ ゴシック"/>
        <family val="3"/>
        <charset val="128"/>
      </rPr>
      <t>　</t>
    </r>
    <phoneticPr fontId="1"/>
  </si>
  <si>
    <t>日本大学生物資源科学部応用生物科学科食品衛生コース</t>
    <rPh sb="0" eb="2">
      <t>ニホン</t>
    </rPh>
    <rPh sb="2" eb="4">
      <t>ダイガク</t>
    </rPh>
    <rPh sb="4" eb="6">
      <t>セイブツ</t>
    </rPh>
    <rPh sb="6" eb="8">
      <t>シゲン</t>
    </rPh>
    <rPh sb="8" eb="11">
      <t>カガクブ</t>
    </rPh>
    <phoneticPr fontId="1"/>
  </si>
  <si>
    <t>コード</t>
    <phoneticPr fontId="1"/>
  </si>
  <si>
    <t>大学</t>
    <rPh sb="0" eb="2">
      <t>ダイガク</t>
    </rPh>
    <phoneticPr fontId="1"/>
  </si>
  <si>
    <t>短大</t>
    <rPh sb="0" eb="2">
      <t>タンダイ</t>
    </rPh>
    <phoneticPr fontId="1"/>
  </si>
  <si>
    <t>専門学校</t>
    <rPh sb="0" eb="2">
      <t>センモン</t>
    </rPh>
    <rPh sb="2" eb="4">
      <t>ガッコウ</t>
    </rPh>
    <phoneticPr fontId="1"/>
  </si>
  <si>
    <t>高校</t>
    <rPh sb="0" eb="2">
      <t>コウコウ</t>
    </rPh>
    <phoneticPr fontId="1"/>
  </si>
  <si>
    <t>民間等</t>
    <rPh sb="0" eb="3">
      <t>ミンカンナド</t>
    </rPh>
    <phoneticPr fontId="1"/>
  </si>
  <si>
    <t>養成施設の名称</t>
    <rPh sb="0" eb="2">
      <t>ヨウセイ</t>
    </rPh>
    <rPh sb="2" eb="4">
      <t>シセツ</t>
    </rPh>
    <phoneticPr fontId="1"/>
  </si>
  <si>
    <t>施設名</t>
    <rPh sb="0" eb="1">
      <t>シセツ</t>
    </rPh>
    <rPh sb="1" eb="2">
      <t>メイ</t>
    </rPh>
    <phoneticPr fontId="1"/>
  </si>
  <si>
    <t>北里大学</t>
    <rPh sb="0" eb="2">
      <t>キタザト</t>
    </rPh>
    <rPh sb="2" eb="4">
      <t>ダイガク</t>
    </rPh>
    <phoneticPr fontId="1"/>
  </si>
  <si>
    <t>相模女子大学</t>
    <rPh sb="0" eb="2">
      <t>サガミ</t>
    </rPh>
    <rPh sb="2" eb="4">
      <t>ジョシ</t>
    </rPh>
    <rPh sb="4" eb="6">
      <t>ダイガク</t>
    </rPh>
    <phoneticPr fontId="1"/>
  </si>
  <si>
    <t>関東学院大学</t>
    <rPh sb="0" eb="2">
      <t>カントウ</t>
    </rPh>
    <rPh sb="2" eb="4">
      <t>ガクイン</t>
    </rPh>
    <rPh sb="4" eb="6">
      <t>ダイガク</t>
    </rPh>
    <phoneticPr fontId="1"/>
  </si>
  <si>
    <t>鎌倉女子大学</t>
    <rPh sb="0" eb="2">
      <t>カマクラ</t>
    </rPh>
    <rPh sb="2" eb="4">
      <t>ジョシ</t>
    </rPh>
    <rPh sb="4" eb="6">
      <t>ダイガク</t>
    </rPh>
    <phoneticPr fontId="1"/>
  </si>
  <si>
    <t>日本大学</t>
    <rPh sb="0" eb="2">
      <t>ニホン</t>
    </rPh>
    <rPh sb="2" eb="4">
      <t>ダイガク</t>
    </rPh>
    <phoneticPr fontId="1"/>
  </si>
  <si>
    <t>神奈川工科大学</t>
    <rPh sb="0" eb="3">
      <t>カナガワ</t>
    </rPh>
    <rPh sb="3" eb="5">
      <t>コウカ</t>
    </rPh>
    <rPh sb="5" eb="7">
      <t>ダイガク</t>
    </rPh>
    <phoneticPr fontId="1"/>
  </si>
  <si>
    <t>文教大学</t>
    <rPh sb="0" eb="2">
      <t>ブンキョウ</t>
    </rPh>
    <rPh sb="2" eb="4">
      <t>ダイガク</t>
    </rPh>
    <phoneticPr fontId="1"/>
  </si>
  <si>
    <t>明治大学</t>
    <rPh sb="0" eb="2">
      <t>メイジ</t>
    </rPh>
    <rPh sb="2" eb="4">
      <t>ダイガク</t>
    </rPh>
    <phoneticPr fontId="1"/>
  </si>
  <si>
    <t>C列　コード</t>
    <rPh sb="1" eb="2">
      <t>レツ</t>
    </rPh>
    <phoneticPr fontId="1"/>
  </si>
  <si>
    <t>麻布公衆衛生短期大学</t>
    <rPh sb="0" eb="2">
      <t>アザブ</t>
    </rPh>
    <rPh sb="2" eb="4">
      <t>コウシュウ</t>
    </rPh>
    <rPh sb="4" eb="6">
      <t>エイセイ</t>
    </rPh>
    <rPh sb="6" eb="8">
      <t>タンキ</t>
    </rPh>
    <rPh sb="8" eb="10">
      <t>ダイガク</t>
    </rPh>
    <phoneticPr fontId="1"/>
  </si>
  <si>
    <t>麻布大学</t>
    <rPh sb="0" eb="2">
      <t>アザブ</t>
    </rPh>
    <rPh sb="2" eb="4">
      <t>ダイガク</t>
    </rPh>
    <phoneticPr fontId="1"/>
  </si>
  <si>
    <t>（当初）神奈川工科大学応用バイオ科学部栄養生命科学科
令和２年４月１日～現行</t>
    <rPh sb="1" eb="3">
      <t>トウショ</t>
    </rPh>
    <rPh sb="27" eb="29">
      <t>レイワ</t>
    </rPh>
    <rPh sb="30" eb="31">
      <t>ネン</t>
    </rPh>
    <rPh sb="32" eb="33">
      <t>ガツ</t>
    </rPh>
    <rPh sb="34" eb="35">
      <t>ニチ</t>
    </rPh>
    <rPh sb="36" eb="38">
      <t>ゲンコウ</t>
    </rPh>
    <phoneticPr fontId="1"/>
  </si>
  <si>
    <t>神奈川工科大学健康医療科学部管理栄養学科</t>
    <rPh sb="0" eb="3">
      <t>カナガワ</t>
    </rPh>
    <rPh sb="3" eb="5">
      <t>コウカ</t>
    </rPh>
    <rPh sb="5" eb="7">
      <t>ダイガク</t>
    </rPh>
    <rPh sb="7" eb="9">
      <t>ケンコウ</t>
    </rPh>
    <rPh sb="9" eb="11">
      <t>イリョウ</t>
    </rPh>
    <rPh sb="11" eb="13">
      <t>カガク</t>
    </rPh>
    <rPh sb="12" eb="14">
      <t>ガクブ</t>
    </rPh>
    <rPh sb="14" eb="16">
      <t>カンリ</t>
    </rPh>
    <rPh sb="16" eb="18">
      <t>エイヨウ</t>
    </rPh>
    <rPh sb="18" eb="20">
      <t>ガッカ</t>
    </rPh>
    <phoneticPr fontId="1"/>
  </si>
  <si>
    <t>北里大学医療衛生学部保健衛生学科　環境保健学コース</t>
    <rPh sb="10" eb="12">
      <t>ホケン</t>
    </rPh>
    <rPh sb="12" eb="14">
      <t>エイセイ</t>
    </rPh>
    <rPh sb="14" eb="16">
      <t>ガッカ</t>
    </rPh>
    <rPh sb="17" eb="19">
      <t>カンキョウ</t>
    </rPh>
    <rPh sb="19" eb="21">
      <t>ホケン</t>
    </rPh>
    <rPh sb="21" eb="22">
      <t>ガク</t>
    </rPh>
    <phoneticPr fontId="1"/>
  </si>
  <si>
    <r>
      <rPr>
        <sz val="9"/>
        <rFont val="ＭＳ ゴシック"/>
        <family val="3"/>
        <charset val="128"/>
      </rPr>
      <t>（当初）麻布獣医科大学
昭和</t>
    </r>
    <r>
      <rPr>
        <sz val="9"/>
        <rFont val="Calibri"/>
        <family val="2"/>
      </rPr>
      <t>5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麻布大学環境保健学部環境保健学科
平成</t>
    </r>
    <r>
      <rPr>
        <sz val="9"/>
        <rFont val="Calibri"/>
        <family val="2"/>
      </rPr>
      <t>1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環境保健学部健康環境科学科
平成</t>
    </r>
    <r>
      <rPr>
        <sz val="9"/>
        <rFont val="Calibri"/>
        <family val="2"/>
      </rPr>
      <t>14</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環境保健学部健康環境科学科食品衛生管理課程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生命・環境科学部食品生命科学科及び環境科学科環境技術コース食品衛生管理課程
平成</t>
    </r>
    <r>
      <rPr>
        <sz val="9"/>
        <rFont val="Calibri"/>
        <family val="2"/>
      </rPr>
      <t>27</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143" eb="145">
      <t>ヘイセイ</t>
    </rPh>
    <rPh sb="147" eb="148">
      <t>ネン</t>
    </rPh>
    <rPh sb="149" eb="150">
      <t>ツキ</t>
    </rPh>
    <rPh sb="151" eb="152">
      <t>ニチ</t>
    </rPh>
    <rPh sb="153" eb="155">
      <t>ゲンコウ</t>
    </rPh>
    <phoneticPr fontId="1"/>
  </si>
  <si>
    <r>
      <t xml:space="preserve"> </t>
    </r>
    <r>
      <rPr>
        <sz val="9"/>
        <rFont val="ＭＳ ゴシック"/>
        <family val="3"/>
        <charset val="128"/>
      </rPr>
      <t>（当初）北里大学衛生学部産業衛生学科
平成</t>
    </r>
    <r>
      <rPr>
        <sz val="9"/>
        <rFont val="Calibri"/>
        <family val="2"/>
      </rPr>
      <t>6</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医療衛生学部衛生技術学科産業衛生学専攻
平成</t>
    </r>
    <r>
      <rPr>
        <sz val="9"/>
        <rFont val="Calibri"/>
        <family val="2"/>
      </rPr>
      <t>18</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医療衛生学部健康科学科
令和</t>
    </r>
    <r>
      <rPr>
        <sz val="9"/>
        <rFont val="Calibri"/>
        <family val="2"/>
      </rPr>
      <t>3</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59" eb="61">
      <t>イリョウ</t>
    </rPh>
    <rPh sb="61" eb="64">
      <t>エイセイガク</t>
    </rPh>
    <rPh sb="64" eb="65">
      <t>ブ</t>
    </rPh>
    <rPh sb="65" eb="67">
      <t>ケンコウ</t>
    </rPh>
    <rPh sb="67" eb="69">
      <t>カガク</t>
    </rPh>
    <rPh sb="69" eb="70">
      <t>カ</t>
    </rPh>
    <rPh sb="71" eb="73">
      <t>レイワ</t>
    </rPh>
    <rPh sb="74" eb="75">
      <t>ネン</t>
    </rPh>
    <rPh sb="76" eb="77">
      <t>ガツ</t>
    </rPh>
    <rPh sb="77" eb="79">
      <t>ツイタチ</t>
    </rPh>
    <rPh sb="80" eb="82">
      <t>ゲンコウ</t>
    </rPh>
    <phoneticPr fontId="1"/>
  </si>
  <si>
    <t>神奈川大学化学生命学部応用化学科及び生命機能学科食品衛生課程</t>
    <phoneticPr fontId="1"/>
  </si>
  <si>
    <t>神奈川大学</t>
    <phoneticPr fontId="1"/>
  </si>
  <si>
    <t>横浜市神奈川区六角橋三丁目２７番１号</t>
  </si>
  <si>
    <r>
      <rPr>
        <sz val="11"/>
        <rFont val="ＭＳ Ｐゴシック"/>
        <family val="3"/>
        <charset val="128"/>
      </rPr>
      <t>令和</t>
    </r>
    <r>
      <rPr>
        <sz val="11"/>
        <rFont val="Calibri"/>
        <family val="2"/>
      </rPr>
      <t>5</t>
    </r>
    <r>
      <rPr>
        <sz val="11"/>
        <rFont val="ＭＳ Ｐゴシック"/>
        <family val="3"/>
        <charset val="128"/>
      </rPr>
      <t>年</t>
    </r>
    <r>
      <rPr>
        <sz val="11"/>
        <rFont val="Calibri"/>
        <family val="2"/>
      </rPr>
      <t>4</t>
    </r>
    <r>
      <rPr>
        <sz val="11"/>
        <rFont val="ＭＳ Ｐゴシック"/>
        <family val="3"/>
        <charset val="128"/>
      </rPr>
      <t>月</t>
    </r>
    <r>
      <rPr>
        <sz val="11"/>
        <rFont val="ＭＳ Ｐゴシック"/>
        <family val="3"/>
        <charset val="128"/>
      </rPr>
      <t>以降の入学者の養成について適用</t>
    </r>
    <rPh sb="0" eb="2">
      <t>レイワ</t>
    </rPh>
    <rPh sb="19" eb="20">
      <t>テキ</t>
    </rPh>
    <rPh sb="20" eb="21">
      <t>ヨウ</t>
    </rPh>
    <phoneticPr fontId="1"/>
  </si>
  <si>
    <r>
      <t>令和</t>
    </r>
    <r>
      <rPr>
        <sz val="11"/>
        <rFont val="Calibri"/>
        <family val="2"/>
      </rPr>
      <t>4</t>
    </r>
    <r>
      <rPr>
        <sz val="11"/>
        <rFont val="ＭＳ Ｐゴシック"/>
        <family val="3"/>
        <charset val="128"/>
      </rPr>
      <t>年</t>
    </r>
    <r>
      <rPr>
        <sz val="11"/>
        <rFont val="Calibri"/>
        <family val="2"/>
      </rPr>
      <t xml:space="preserve">12 </t>
    </r>
    <r>
      <rPr>
        <sz val="11"/>
        <rFont val="ＭＳ Ｐゴシック"/>
        <family val="3"/>
        <charset val="128"/>
      </rPr>
      <t>月</t>
    </r>
    <r>
      <rPr>
        <sz val="11"/>
        <rFont val="Calibri"/>
        <family val="2"/>
      </rPr>
      <t xml:space="preserve">12 </t>
    </r>
    <r>
      <rPr>
        <sz val="11"/>
        <rFont val="ＭＳ Ｐゴシック"/>
        <family val="3"/>
        <charset val="128"/>
      </rPr>
      <t>日</t>
    </r>
    <phoneticPr fontId="1"/>
  </si>
  <si>
    <t>045-481-5661</t>
  </si>
  <si>
    <t>（当初）生物資源科学部生命化学科食品衛生コース
令和5年4月1日～現行</t>
    <rPh sb="1" eb="3">
      <t>トウショ</t>
    </rPh>
    <rPh sb="24" eb="26">
      <t>レイワ</t>
    </rPh>
    <rPh sb="27" eb="28">
      <t>ネン</t>
    </rPh>
    <rPh sb="29" eb="30">
      <t>ガツ</t>
    </rPh>
    <rPh sb="31" eb="32">
      <t>ニチ</t>
    </rPh>
    <rPh sb="33" eb="35">
      <t>ゲンコウ</t>
    </rPh>
    <phoneticPr fontId="1"/>
  </si>
  <si>
    <t>日本大学生物資源科学部バイオサイエンス学科食品衛生プログラム</t>
    <phoneticPr fontId="1"/>
  </si>
  <si>
    <t>日本大学生物資源科学部海洋生物学科食品衛生コース</t>
    <phoneticPr fontId="1"/>
  </si>
  <si>
    <t>日本大学生物資源科学部食品開発学科</t>
    <phoneticPr fontId="1"/>
  </si>
  <si>
    <t xml:space="preserve"> （当初）京浜女子大学家政学部家政学科管理栄養士専攻
平成12年4月1日～家政学科管理栄養士専攻
平成15年4月1日～現行</t>
    <rPh sb="2" eb="4">
      <t>トウショ</t>
    </rPh>
    <rPh sb="59" eb="61">
      <t>ゲンコウ</t>
    </rPh>
    <phoneticPr fontId="1"/>
  </si>
  <si>
    <t>（当初）農獣医学部食品工学科
平成8年4月1日～生物資源科学部食品科学工学科
平成21年4月1日～日本大学生物資源科学部食品生命学科
令和5年4月1日～現行</t>
    <rPh sb="1" eb="3">
      <t>トウショ</t>
    </rPh>
    <rPh sb="49" eb="51">
      <t>ニホン</t>
    </rPh>
    <rPh sb="51" eb="53">
      <t>ダイガク</t>
    </rPh>
    <rPh sb="53" eb="55">
      <t>セイブツ</t>
    </rPh>
    <rPh sb="55" eb="57">
      <t>シゲン</t>
    </rPh>
    <rPh sb="57" eb="60">
      <t>カガクブ</t>
    </rPh>
    <rPh sb="60" eb="62">
      <t>ショクヒン</t>
    </rPh>
    <rPh sb="62" eb="64">
      <t>セイメイ</t>
    </rPh>
    <rPh sb="64" eb="66">
      <t>ガッカ</t>
    </rPh>
    <rPh sb="67" eb="69">
      <t>レイワ</t>
    </rPh>
    <rPh sb="70" eb="71">
      <t>ネン</t>
    </rPh>
    <rPh sb="72" eb="73">
      <t>ガツ</t>
    </rPh>
    <rPh sb="73" eb="75">
      <t>ツイタチ</t>
    </rPh>
    <rPh sb="76" eb="78">
      <t>ゲンコウ</t>
    </rPh>
    <phoneticPr fontId="1"/>
  </si>
  <si>
    <t>（当初）生物資源科学部動物資源科学科
平成17年4月1日～現行</t>
    <rPh sb="1" eb="3">
      <t>トウショ</t>
    </rPh>
    <rPh sb="29" eb="31">
      <t>ゲンコウ</t>
    </rPh>
    <phoneticPr fontId="1"/>
  </si>
  <si>
    <t>（当初）生物資源科学部海洋生物資源科学科食品衛生コース
令和5年4月1日～現行</t>
    <rPh sb="1" eb="3">
      <t>トウショ</t>
    </rPh>
    <rPh sb="28" eb="30">
      <t>レイワ</t>
    </rPh>
    <rPh sb="31" eb="32">
      <t>ネン</t>
    </rPh>
    <rPh sb="33" eb="34">
      <t>ガツ</t>
    </rPh>
    <rPh sb="35" eb="36">
      <t>ニチ</t>
    </rPh>
    <rPh sb="37" eb="39">
      <t>ゲンコウ</t>
    </rPh>
    <phoneticPr fontId="1"/>
  </si>
  <si>
    <t>042-754-7111</t>
    <phoneticPr fontId="1"/>
  </si>
  <si>
    <t>令和6年2月20日所在地、電話番号変更</t>
    <rPh sb="0" eb="1">
      <t>レイワ</t>
    </rPh>
    <rPh sb="2" eb="3">
      <t>ネン</t>
    </rPh>
    <rPh sb="4" eb="5">
      <t>ガツ</t>
    </rPh>
    <rPh sb="7" eb="8">
      <t>ニチ</t>
    </rPh>
    <rPh sb="8" eb="11">
      <t>ショザイチ</t>
    </rPh>
    <rPh sb="12" eb="14">
      <t>デンワ</t>
    </rPh>
    <rPh sb="14" eb="16">
      <t>バンゴウ</t>
    </rPh>
    <rPh sb="16" eb="18">
      <t>ヘンコウ</t>
    </rPh>
    <phoneticPr fontId="1"/>
  </si>
  <si>
    <t>麻布大学獣医学部獣医保健看護学科食品衛生プログラム</t>
  </si>
  <si>
    <r>
      <rPr>
        <sz val="11"/>
        <rFont val="ＭＳ ゴシック"/>
        <family val="3"/>
        <charset val="128"/>
      </rPr>
      <t>令和</t>
    </r>
    <r>
      <rPr>
        <sz val="11"/>
        <rFont val="Calibri"/>
        <family val="3"/>
      </rPr>
      <t>6</t>
    </r>
    <r>
      <rPr>
        <sz val="11"/>
        <rFont val="ＭＳ ゴシック"/>
        <family val="3"/>
        <charset val="128"/>
      </rPr>
      <t>年</t>
    </r>
    <r>
      <rPr>
        <sz val="11"/>
        <rFont val="Calibri"/>
        <family val="3"/>
      </rPr>
      <t>2</t>
    </r>
    <r>
      <rPr>
        <sz val="11"/>
        <rFont val="ＭＳ ゴシック"/>
        <family val="3"/>
        <charset val="128"/>
      </rPr>
      <t>月</t>
    </r>
    <r>
      <rPr>
        <sz val="11"/>
        <rFont val="Calibri"/>
        <family val="2"/>
      </rPr>
      <t xml:space="preserve"> 20 </t>
    </r>
    <r>
      <rPr>
        <sz val="11"/>
        <rFont val="ＭＳ ゴシック"/>
        <family val="3"/>
        <charset val="128"/>
      </rPr>
      <t>日</t>
    </r>
    <phoneticPr fontId="1"/>
  </si>
  <si>
    <r>
      <rPr>
        <sz val="11"/>
        <rFont val="ＭＳ Ｐゴシック"/>
        <family val="3"/>
        <charset val="128"/>
      </rPr>
      <t>令和</t>
    </r>
    <r>
      <rPr>
        <sz val="11"/>
        <rFont val="Calibri"/>
        <family val="3"/>
      </rPr>
      <t>6</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レイワ</t>
    </rPh>
    <rPh sb="3" eb="4">
      <t>ネン</t>
    </rPh>
    <rPh sb="5" eb="6">
      <t>ガツ</t>
    </rPh>
    <rPh sb="6" eb="8">
      <t>イコウ</t>
    </rPh>
    <rPh sb="9" eb="12">
      <t>ニュウガクシャ</t>
    </rPh>
    <rPh sb="13" eb="15">
      <t>ヨウセイ</t>
    </rPh>
    <rPh sb="19" eb="21">
      <t>テキヨウ</t>
    </rPh>
    <phoneticPr fontId="1"/>
  </si>
  <si>
    <r>
      <rPr>
        <sz val="11"/>
        <rFont val="ＭＳ ゴシック"/>
        <family val="3"/>
        <charset val="128"/>
      </rPr>
      <t>相模原市中央区淵野辺</t>
    </r>
    <r>
      <rPr>
        <sz val="11"/>
        <rFont val="Calibri"/>
        <family val="2"/>
      </rPr>
      <t xml:space="preserve"> 1 </t>
    </r>
    <r>
      <rPr>
        <sz val="11"/>
        <rFont val="ＭＳ ゴシック"/>
        <family val="3"/>
        <charset val="128"/>
      </rPr>
      <t>丁目</t>
    </r>
    <r>
      <rPr>
        <sz val="11"/>
        <rFont val="Calibri"/>
        <family val="2"/>
      </rPr>
      <t xml:space="preserve"> 17 </t>
    </r>
    <r>
      <rPr>
        <sz val="11"/>
        <rFont val="ＭＳ ゴシック"/>
        <family val="3"/>
        <charset val="128"/>
      </rPr>
      <t>番</t>
    </r>
    <r>
      <rPr>
        <sz val="11"/>
        <rFont val="Calibri"/>
        <family val="2"/>
      </rPr>
      <t xml:space="preserve"> 71 </t>
    </r>
    <r>
      <rPr>
        <sz val="11"/>
        <rFont val="ＭＳ ゴシック"/>
        <family val="3"/>
        <charset val="128"/>
      </rPr>
      <t>号</t>
    </r>
    <rPh sb="0" eb="2">
      <t>サガミハラ</t>
    </rPh>
    <rPh sb="2" eb="3">
      <t>シ</t>
    </rPh>
    <phoneticPr fontId="1"/>
  </si>
  <si>
    <r>
      <rPr>
        <sz val="11"/>
        <rFont val="ＭＳ ゴシック"/>
        <family val="3"/>
        <charset val="128"/>
      </rPr>
      <t>相模原市中央区淵野辺</t>
    </r>
    <r>
      <rPr>
        <sz val="11"/>
        <rFont val="Calibri"/>
        <family val="2"/>
      </rPr>
      <t xml:space="preserve"> 1 </t>
    </r>
    <r>
      <rPr>
        <sz val="11"/>
        <rFont val="ＭＳ ゴシック"/>
        <family val="3"/>
        <charset val="128"/>
      </rPr>
      <t>丁目</t>
    </r>
    <r>
      <rPr>
        <sz val="11"/>
        <rFont val="Calibri"/>
        <family val="2"/>
      </rPr>
      <t xml:space="preserve"> 17 </t>
    </r>
    <r>
      <rPr>
        <sz val="11"/>
        <rFont val="ＭＳ ゴシック"/>
        <family val="3"/>
        <charset val="128"/>
      </rPr>
      <t>番</t>
    </r>
    <r>
      <rPr>
        <sz val="11"/>
        <rFont val="Calibri"/>
        <family val="2"/>
      </rPr>
      <t xml:space="preserve"> 71 </t>
    </r>
    <r>
      <rPr>
        <sz val="11"/>
        <rFont val="ＭＳ ゴシック"/>
        <family val="3"/>
        <charset val="128"/>
      </rPr>
      <t>号</t>
    </r>
    <rPh sb="0" eb="2">
      <t>サガミハラ</t>
    </rPh>
    <phoneticPr fontId="1"/>
  </si>
  <si>
    <r>
      <rPr>
        <sz val="9"/>
        <rFont val="ＭＳ ゴシック"/>
        <family val="3"/>
        <charset val="128"/>
      </rPr>
      <t>（当初）工学部応用バイオ科学科フードサイエンスコース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応用バイオ科学部応用バイオ科学科フードサイエンスコース</t>
    </r>
    <r>
      <rPr>
        <sz val="9"/>
        <rFont val="Calibri"/>
        <family val="3"/>
      </rPr>
      <t xml:space="preserve">
</t>
    </r>
    <r>
      <rPr>
        <sz val="9"/>
        <rFont val="ＭＳ ゴシック"/>
        <family val="3"/>
        <charset val="128"/>
      </rPr>
      <t>令和</t>
    </r>
    <r>
      <rPr>
        <sz val="9"/>
        <rFont val="Calibri"/>
        <family val="3"/>
      </rPr>
      <t>6</t>
    </r>
    <r>
      <rPr>
        <sz val="9"/>
        <rFont val="ＭＳ ゴシック"/>
        <family val="3"/>
        <charset val="128"/>
      </rPr>
      <t>年</t>
    </r>
    <r>
      <rPr>
        <sz val="9"/>
        <rFont val="Calibri"/>
        <family val="3"/>
      </rPr>
      <t>4</t>
    </r>
    <r>
      <rPr>
        <sz val="9"/>
        <rFont val="ＭＳ ゴシック"/>
        <family val="3"/>
        <charset val="128"/>
      </rPr>
      <t>月</t>
    </r>
    <r>
      <rPr>
        <sz val="9"/>
        <rFont val="Calibri"/>
        <family val="3"/>
      </rPr>
      <t>1</t>
    </r>
    <r>
      <rPr>
        <sz val="9"/>
        <rFont val="ＭＳ ゴシック"/>
        <family val="3"/>
        <charset val="128"/>
      </rPr>
      <t>日～現行</t>
    </r>
    <rPh sb="1" eb="3">
      <t>トウショ</t>
    </rPh>
    <rPh sb="37" eb="39">
      <t>オウヨウ</t>
    </rPh>
    <rPh sb="42" eb="44">
      <t>カガク</t>
    </rPh>
    <rPh sb="44" eb="45">
      <t>ブ</t>
    </rPh>
    <rPh sb="45" eb="47">
      <t>オウヨウ</t>
    </rPh>
    <rPh sb="50" eb="52">
      <t>カガク</t>
    </rPh>
    <rPh sb="52" eb="53">
      <t>カ</t>
    </rPh>
    <rPh sb="65" eb="67">
      <t>レイワ</t>
    </rPh>
    <rPh sb="68" eb="69">
      <t>ネン</t>
    </rPh>
    <rPh sb="70" eb="71">
      <t>ガツ</t>
    </rPh>
    <rPh sb="71" eb="73">
      <t>ツイタチ</t>
    </rPh>
    <rPh sb="74" eb="76">
      <t>ゲンコウ</t>
    </rPh>
    <phoneticPr fontId="1"/>
  </si>
  <si>
    <t>神奈川工科大学工学部応用化学生物学科フードサイエンスプログラム</t>
    <rPh sb="0" eb="3">
      <t>カナガワ</t>
    </rPh>
    <rPh sb="3" eb="5">
      <t>コウカ</t>
    </rPh>
    <rPh sb="5" eb="7">
      <t>ダイガク</t>
    </rPh>
    <rPh sb="7" eb="10">
      <t>コウガクブ</t>
    </rPh>
    <rPh sb="10" eb="14">
      <t>オウヨウカガク</t>
    </rPh>
    <rPh sb="14" eb="16">
      <t>セイブツ</t>
    </rPh>
    <rPh sb="16" eb="18">
      <t>ガッカ</t>
    </rPh>
    <phoneticPr fontId="1"/>
  </si>
  <si>
    <t>相模女子大学人間社会学部地域クリエーション学科食品衛生課程</t>
    <rPh sb="0" eb="6">
      <t>サガミジョシダイガク</t>
    </rPh>
    <rPh sb="6" eb="8">
      <t>ニンゲンシ</t>
    </rPh>
    <rPh sb="8" eb="14">
      <t>ャカイガクブチイキ</t>
    </rPh>
    <rPh sb="21" eb="23">
      <t>ガッカ</t>
    </rPh>
    <rPh sb="23" eb="29">
      <t>ショクヒンエイセイカテイ</t>
    </rPh>
    <phoneticPr fontId="1"/>
  </si>
  <si>
    <r>
      <rPr>
        <sz val="11"/>
        <rFont val="ＭＳ ゴシック"/>
        <family val="3"/>
        <charset val="128"/>
      </rPr>
      <t>相模原市南区文京</t>
    </r>
    <r>
      <rPr>
        <sz val="11"/>
        <rFont val="Calibri"/>
        <family val="2"/>
      </rPr>
      <t>2</t>
    </r>
    <r>
      <rPr>
        <sz val="11"/>
        <rFont val="ＭＳ ゴシック"/>
        <family val="3"/>
        <charset val="128"/>
      </rPr>
      <t>丁目</t>
    </r>
    <r>
      <rPr>
        <sz val="11"/>
        <rFont val="Calibri"/>
        <family val="2"/>
      </rPr>
      <t>1</t>
    </r>
    <r>
      <rPr>
        <sz val="11"/>
        <rFont val="ＭＳ ゴシック"/>
        <family val="3"/>
        <charset val="128"/>
      </rPr>
      <t>番</t>
    </r>
    <r>
      <rPr>
        <sz val="11"/>
        <rFont val="Calibri"/>
        <family val="2"/>
      </rPr>
      <t>1</t>
    </r>
    <r>
      <rPr>
        <sz val="11"/>
        <rFont val="ＭＳ ゴシック"/>
        <family val="3"/>
        <charset val="128"/>
      </rPr>
      <t>号</t>
    </r>
    <rPh sb="4" eb="6">
      <t>ミナミク</t>
    </rPh>
    <phoneticPr fontId="1"/>
  </si>
  <si>
    <r>
      <rPr>
        <sz val="11"/>
        <rFont val="ＭＳ Ｐゴシック"/>
        <family val="3"/>
        <charset val="128"/>
      </rPr>
      <t>令和</t>
    </r>
    <r>
      <rPr>
        <sz val="11"/>
        <rFont val="Calibri"/>
        <family val="2"/>
      </rPr>
      <t>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レイワ</t>
    </rPh>
    <rPh sb="20" eb="21">
      <t>ヨウ</t>
    </rPh>
    <phoneticPr fontId="1"/>
  </si>
  <si>
    <r>
      <rPr>
        <sz val="11"/>
        <rFont val="ＭＳ ゴシック"/>
        <family val="3"/>
        <charset val="128"/>
      </rPr>
      <t>相模原市北里</t>
    </r>
    <r>
      <rPr>
        <sz val="11"/>
        <rFont val="Calibri"/>
        <family val="2"/>
      </rPr>
      <t>1</t>
    </r>
    <r>
      <rPr>
        <sz val="11"/>
        <rFont val="ＭＳ ゴシック"/>
        <family val="3"/>
        <charset val="128"/>
      </rPr>
      <t>丁目</t>
    </r>
    <r>
      <rPr>
        <sz val="11"/>
        <rFont val="Calibri"/>
        <family val="2"/>
      </rPr>
      <t>15</t>
    </r>
    <r>
      <rPr>
        <sz val="11"/>
        <rFont val="ＭＳ ゴシック"/>
        <family val="3"/>
        <charset val="128"/>
      </rPr>
      <t>番</t>
    </r>
    <r>
      <rPr>
        <sz val="11"/>
        <rFont val="Calibri"/>
        <family val="2"/>
      </rPr>
      <t>1</t>
    </r>
    <r>
      <rPr>
        <sz val="11"/>
        <rFont val="ＭＳ ゴシック"/>
        <family val="3"/>
        <charset val="128"/>
      </rPr>
      <t>号</t>
    </r>
    <phoneticPr fontId="1"/>
  </si>
  <si>
    <t>北里大学海洋生命科学部海洋生命科学科（食品衛生管理者等養成課程）</t>
    <phoneticPr fontId="1"/>
  </si>
  <si>
    <t xml:space="preserve"> 042-778-8111</t>
    <phoneticPr fontId="1"/>
  </si>
  <si>
    <r>
      <rPr>
        <sz val="11"/>
        <rFont val="ＭＳ ゴシック"/>
        <family val="3"/>
        <charset val="128"/>
      </rPr>
      <t>相模原市南区北里</t>
    </r>
    <r>
      <rPr>
        <sz val="11"/>
        <rFont val="Calibri"/>
        <family val="2"/>
      </rPr>
      <t>1</t>
    </r>
    <r>
      <rPr>
        <sz val="11"/>
        <rFont val="ＭＳ ゴシック"/>
        <family val="3"/>
        <charset val="128"/>
      </rPr>
      <t>丁目</t>
    </r>
    <r>
      <rPr>
        <sz val="11"/>
        <rFont val="Calibri"/>
        <family val="2"/>
      </rPr>
      <t>15</t>
    </r>
    <r>
      <rPr>
        <sz val="11"/>
        <rFont val="ＭＳ ゴシック"/>
        <family val="3"/>
        <charset val="128"/>
      </rPr>
      <t>番</t>
    </r>
    <r>
      <rPr>
        <sz val="11"/>
        <rFont val="Calibri"/>
        <family val="2"/>
      </rPr>
      <t>1</t>
    </r>
    <r>
      <rPr>
        <sz val="11"/>
        <rFont val="ＭＳ ゴシック"/>
        <family val="3"/>
        <charset val="128"/>
      </rPr>
      <t>号</t>
    </r>
    <rPh sb="4" eb="6">
      <t>ミナミ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17" x14ac:knownFonts="1">
    <font>
      <sz val="10.5"/>
      <name val="標準ゴシック"/>
      <family val="3"/>
      <charset val="128"/>
    </font>
    <font>
      <sz val="6"/>
      <name val="標準ゴシック"/>
      <family val="3"/>
      <charset val="128"/>
    </font>
    <font>
      <sz val="9"/>
      <name val="ＭＳ ゴシック"/>
      <family val="3"/>
      <charset val="128"/>
    </font>
    <font>
      <sz val="11"/>
      <name val="ＭＳ ゴシック"/>
      <family val="3"/>
      <charset val="128"/>
    </font>
    <font>
      <sz val="11"/>
      <color rgb="FF002060"/>
      <name val="ＭＳ ゴシック"/>
      <family val="3"/>
      <charset val="128"/>
    </font>
    <font>
      <sz val="11"/>
      <name val="Calibri"/>
      <family val="2"/>
    </font>
    <font>
      <sz val="11"/>
      <color theme="0"/>
      <name val="ＭＳ ゴシック"/>
      <family val="3"/>
      <charset val="128"/>
    </font>
    <font>
      <sz val="11"/>
      <name val="ＭＳ Ｐゴシック"/>
      <family val="3"/>
      <charset val="128"/>
    </font>
    <font>
      <sz val="11"/>
      <color theme="0"/>
      <name val="Calibri"/>
      <family val="2"/>
    </font>
    <font>
      <sz val="9"/>
      <name val="Calibri"/>
      <family val="2"/>
    </font>
    <font>
      <sz val="9"/>
      <name val="ＭＳ Ｐゴシック"/>
      <family val="3"/>
      <charset val="128"/>
    </font>
    <font>
      <sz val="11"/>
      <color theme="0"/>
      <name val="ＭＳ Ｐゴシック"/>
      <family val="3"/>
      <charset val="128"/>
    </font>
    <font>
      <sz val="11"/>
      <name val="Calibri"/>
      <family val="3"/>
      <charset val="128"/>
    </font>
    <font>
      <sz val="11"/>
      <name val="Calibri"/>
      <family val="3"/>
    </font>
    <font>
      <sz val="9"/>
      <name val="Calibri"/>
      <family val="3"/>
    </font>
    <font>
      <sz val="9"/>
      <name val="Calibri"/>
      <family val="3"/>
      <charset val="128"/>
    </font>
    <font>
      <sz val="11"/>
      <name val="ＭＳ Ｐゴシック"/>
      <family val="2"/>
      <charset val="128"/>
    </font>
  </fonts>
  <fills count="5">
    <fill>
      <patternFill patternType="none"/>
    </fill>
    <fill>
      <patternFill patternType="gray125"/>
    </fill>
    <fill>
      <patternFill patternType="solid">
        <fgColor rgb="FF002060"/>
        <bgColor indexed="64"/>
      </patternFill>
    </fill>
    <fill>
      <patternFill patternType="solid">
        <fgColor theme="0" tint="-0.14999847407452621"/>
        <bgColor indexed="64"/>
      </patternFill>
    </fill>
    <fill>
      <patternFill patternType="solid">
        <fgColor theme="0"/>
        <bgColor indexed="64"/>
      </patternFill>
    </fill>
  </fills>
  <borders count="8">
    <border>
      <left/>
      <right/>
      <top/>
      <bottom/>
      <diagonal/>
    </border>
    <border>
      <left style="hair">
        <color indexed="64"/>
      </left>
      <right style="hair">
        <color indexed="64"/>
      </right>
      <top style="hair">
        <color indexed="64"/>
      </top>
      <bottom style="hair">
        <color indexed="64"/>
      </bottom>
      <diagonal/>
    </border>
    <border>
      <left style="thin">
        <color theme="0"/>
      </left>
      <right style="thin">
        <color theme="0"/>
      </right>
      <top style="thin">
        <color theme="0"/>
      </top>
      <bottom style="thin">
        <color theme="0"/>
      </bottom>
      <diagonal/>
    </border>
    <border>
      <left style="hair">
        <color indexed="64"/>
      </left>
      <right style="hair">
        <color indexed="64"/>
      </right>
      <top/>
      <bottom style="hair">
        <color indexed="64"/>
      </bottom>
      <diagonal/>
    </border>
    <border>
      <left style="thin">
        <color theme="0"/>
      </left>
      <right/>
      <top style="thin">
        <color theme="0"/>
      </top>
      <bottom style="thin">
        <color theme="0"/>
      </bottom>
      <diagonal/>
    </border>
    <border>
      <left/>
      <right style="thin">
        <color theme="0"/>
      </right>
      <top style="thin">
        <color theme="0"/>
      </top>
      <bottom style="thin">
        <color theme="0"/>
      </bottom>
      <diagonal/>
    </border>
    <border>
      <left style="hair">
        <color indexed="64"/>
      </left>
      <right style="hair">
        <color indexed="64"/>
      </right>
      <top/>
      <bottom/>
      <diagonal/>
    </border>
    <border>
      <left style="hair">
        <color indexed="64"/>
      </left>
      <right style="hair">
        <color indexed="64"/>
      </right>
      <top style="hair">
        <color indexed="64"/>
      </top>
      <bottom/>
      <diagonal/>
    </border>
  </borders>
  <cellStyleXfs count="1">
    <xf numFmtId="0" fontId="0" fillId="0" borderId="0"/>
  </cellStyleXfs>
  <cellXfs count="82">
    <xf numFmtId="0" fontId="0" fillId="0" borderId="0" xfId="0"/>
    <xf numFmtId="0" fontId="5" fillId="0" borderId="1" xfId="0" applyFont="1" applyFill="1" applyBorder="1" applyAlignment="1">
      <alignment horizontal="center" vertical="center" wrapText="1"/>
    </xf>
    <xf numFmtId="58" fontId="5" fillId="0" borderId="1" xfId="0" applyNumberFormat="1" applyFont="1" applyFill="1" applyBorder="1" applyAlignment="1">
      <alignment horizontal="center" vertical="center" wrapText="1"/>
    </xf>
    <xf numFmtId="0" fontId="5" fillId="0" borderId="0" xfId="0" applyFont="1" applyFill="1" applyAlignment="1">
      <alignment vertical="center" wrapText="1"/>
    </xf>
    <xf numFmtId="0" fontId="5" fillId="0" borderId="0" xfId="0" applyFont="1" applyFill="1" applyAlignment="1">
      <alignment horizontal="center" vertical="center" wrapText="1"/>
    </xf>
    <xf numFmtId="0" fontId="5" fillId="0" borderId="0" xfId="0" applyFont="1" applyFill="1" applyAlignment="1">
      <alignment vertical="center" wrapText="1" shrinkToFit="1"/>
    </xf>
    <xf numFmtId="176" fontId="5" fillId="0" borderId="0" xfId="0" applyNumberFormat="1" applyFont="1" applyFill="1" applyAlignment="1">
      <alignment horizontal="center" vertical="center" wrapText="1"/>
    </xf>
    <xf numFmtId="0" fontId="5" fillId="0" borderId="0" xfId="0" applyFont="1" applyFill="1" applyAlignment="1">
      <alignment horizontal="left" vertical="center" wrapText="1"/>
    </xf>
    <xf numFmtId="0" fontId="5" fillId="0" borderId="0" xfId="0" applyFont="1" applyFill="1" applyBorder="1" applyAlignment="1">
      <alignment vertical="center" wrapText="1"/>
    </xf>
    <xf numFmtId="0" fontId="5" fillId="0" borderId="0" xfId="0" applyFont="1" applyFill="1" applyBorder="1" applyAlignment="1">
      <alignment vertical="center"/>
    </xf>
    <xf numFmtId="0" fontId="5" fillId="0" borderId="0" xfId="0" applyFont="1" applyFill="1" applyBorder="1" applyAlignment="1">
      <alignment horizontal="center" vertical="center"/>
    </xf>
    <xf numFmtId="176" fontId="5" fillId="0" borderId="0" xfId="0" applyNumberFormat="1" applyFont="1" applyFill="1" applyBorder="1" applyAlignment="1">
      <alignment horizontal="center" vertical="center" wrapText="1" shrinkToFit="1"/>
    </xf>
    <xf numFmtId="0" fontId="5" fillId="0" borderId="0" xfId="0" applyFont="1" applyFill="1" applyBorder="1" applyAlignment="1">
      <alignment horizontal="left" vertical="center" wrapText="1" shrinkToFit="1"/>
    </xf>
    <xf numFmtId="0" fontId="8" fillId="2" borderId="4" xfId="0" quotePrefix="1" applyNumberFormat="1" applyFont="1" applyFill="1" applyBorder="1" applyAlignment="1" applyProtection="1">
      <alignment horizontal="center" vertical="center" wrapText="1"/>
    </xf>
    <xf numFmtId="0" fontId="8" fillId="2" borderId="2" xfId="0" applyNumberFormat="1" applyFont="1" applyFill="1" applyBorder="1" applyAlignment="1" applyProtection="1">
      <alignment horizontal="center" vertical="center" wrapText="1"/>
    </xf>
    <xf numFmtId="0" fontId="8" fillId="2" borderId="4" xfId="0" applyNumberFormat="1" applyFont="1" applyFill="1" applyBorder="1" applyAlignment="1" applyProtection="1">
      <alignment horizontal="center" vertical="center" wrapText="1"/>
    </xf>
    <xf numFmtId="0" fontId="8" fillId="2" borderId="5" xfId="0" applyFont="1" applyFill="1" applyBorder="1" applyAlignment="1">
      <alignment horizontal="center" vertical="center" wrapText="1"/>
    </xf>
    <xf numFmtId="0" fontId="8" fillId="2" borderId="2" xfId="0" quotePrefix="1" applyNumberFormat="1" applyFont="1" applyFill="1" applyBorder="1" applyAlignment="1" applyProtection="1">
      <alignment horizontal="center" vertical="center" wrapText="1" shrinkToFit="1"/>
    </xf>
    <xf numFmtId="176" fontId="8" fillId="2" borderId="2" xfId="0" applyNumberFormat="1" applyFont="1" applyFill="1" applyBorder="1" applyAlignment="1">
      <alignment horizontal="center" vertical="center" wrapText="1"/>
    </xf>
    <xf numFmtId="0" fontId="8" fillId="2" borderId="5" xfId="0" quotePrefix="1" applyNumberFormat="1" applyFont="1" applyFill="1" applyBorder="1" applyAlignment="1" applyProtection="1">
      <alignment horizontal="center" vertical="center" wrapText="1" shrinkToFit="1"/>
    </xf>
    <xf numFmtId="0" fontId="5" fillId="0" borderId="1" xfId="0" applyNumberFormat="1" applyFont="1" applyFill="1" applyBorder="1" applyAlignment="1" applyProtection="1">
      <alignment horizontal="center" vertical="center" wrapText="1"/>
    </xf>
    <xf numFmtId="0" fontId="5" fillId="3" borderId="1" xfId="0" applyNumberFormat="1" applyFont="1" applyFill="1" applyBorder="1" applyAlignment="1" applyProtection="1">
      <alignment vertical="center" wrapText="1"/>
    </xf>
    <xf numFmtId="0" fontId="9" fillId="0" borderId="1" xfId="0" quotePrefix="1" applyNumberFormat="1" applyFont="1" applyFill="1" applyBorder="1" applyAlignment="1" applyProtection="1">
      <alignment horizontal="center" vertical="center" wrapText="1"/>
    </xf>
    <xf numFmtId="58" fontId="5" fillId="0" borderId="1" xfId="0" quotePrefix="1" applyNumberFormat="1" applyFont="1" applyFill="1" applyBorder="1" applyAlignment="1" applyProtection="1">
      <alignment horizontal="center" vertical="center" wrapText="1"/>
    </xf>
    <xf numFmtId="0" fontId="5" fillId="0" borderId="1" xfId="0" applyNumberFormat="1" applyFont="1" applyFill="1" applyBorder="1" applyAlignment="1" applyProtection="1">
      <alignment vertical="center" wrapText="1" shrinkToFit="1"/>
    </xf>
    <xf numFmtId="176" fontId="5" fillId="0" borderId="1" xfId="0" applyNumberFormat="1" applyFont="1" applyFill="1" applyBorder="1" applyAlignment="1">
      <alignment horizontal="center" vertical="center" wrapText="1"/>
    </xf>
    <xf numFmtId="0" fontId="9" fillId="0" borderId="1" xfId="0" applyFont="1" applyFill="1" applyBorder="1" applyAlignment="1">
      <alignment horizontal="left" vertical="center" wrapText="1" shrinkToFit="1"/>
    </xf>
    <xf numFmtId="58" fontId="5" fillId="0" borderId="1" xfId="0" applyNumberFormat="1" applyFont="1" applyFill="1" applyBorder="1" applyAlignment="1" applyProtection="1">
      <alignment horizontal="center" vertical="center" wrapText="1"/>
    </xf>
    <xf numFmtId="0" fontId="5" fillId="3" borderId="1" xfId="0" applyNumberFormat="1" applyFont="1" applyFill="1" applyBorder="1" applyAlignment="1" applyProtection="1">
      <alignment vertical="center" wrapText="1" shrinkToFit="1"/>
    </xf>
    <xf numFmtId="0" fontId="5" fillId="3" borderId="1" xfId="0" applyNumberFormat="1" applyFont="1" applyFill="1" applyBorder="1" applyAlignment="1" applyProtection="1">
      <alignment horizontal="left" vertical="center" wrapText="1"/>
    </xf>
    <xf numFmtId="0" fontId="5" fillId="0" borderId="1" xfId="0" applyNumberFormat="1" applyFont="1" applyFill="1" applyBorder="1" applyAlignment="1" applyProtection="1">
      <alignment horizontal="left" vertical="center" wrapText="1"/>
    </xf>
    <xf numFmtId="0" fontId="5" fillId="3" borderId="1" xfId="0" applyFont="1" applyFill="1" applyBorder="1" applyAlignment="1" applyProtection="1">
      <alignment vertical="center" wrapText="1"/>
    </xf>
    <xf numFmtId="0" fontId="5" fillId="0" borderId="1" xfId="0" quotePrefix="1" applyNumberFormat="1" applyFont="1" applyFill="1" applyBorder="1" applyAlignment="1" applyProtection="1">
      <alignment vertical="center" wrapText="1" shrinkToFit="1"/>
    </xf>
    <xf numFmtId="0" fontId="5" fillId="4" borderId="0" xfId="0" applyFont="1" applyFill="1" applyBorder="1" applyAlignment="1">
      <alignment vertical="center" wrapText="1"/>
    </xf>
    <xf numFmtId="0" fontId="5" fillId="4" borderId="1" xfId="0" applyNumberFormat="1" applyFont="1" applyFill="1" applyBorder="1" applyAlignment="1" applyProtection="1">
      <alignment horizontal="center" vertical="center" wrapText="1"/>
    </xf>
    <xf numFmtId="0" fontId="5" fillId="0" borderId="0" xfId="0" quotePrefix="1" applyNumberFormat="1" applyFont="1" applyFill="1" applyBorder="1" applyAlignment="1" applyProtection="1">
      <alignment horizontal="center" vertical="center" wrapText="1"/>
    </xf>
    <xf numFmtId="0" fontId="5" fillId="0" borderId="0" xfId="0" applyNumberFormat="1" applyFont="1" applyFill="1" applyBorder="1" applyAlignment="1" applyProtection="1">
      <alignment vertical="center" wrapText="1"/>
    </xf>
    <xf numFmtId="0" fontId="5" fillId="0" borderId="0" xfId="0" applyNumberFormat="1" applyFont="1" applyFill="1" applyBorder="1" applyAlignment="1" applyProtection="1">
      <alignment horizontal="center" vertical="center" wrapText="1"/>
    </xf>
    <xf numFmtId="0" fontId="5" fillId="0" borderId="0" xfId="0" applyFont="1" applyFill="1" applyBorder="1" applyAlignment="1">
      <alignment horizontal="center" vertical="center" wrapText="1"/>
    </xf>
    <xf numFmtId="0" fontId="5" fillId="0" borderId="0" xfId="0" applyNumberFormat="1" applyFont="1" applyFill="1" applyBorder="1" applyAlignment="1" applyProtection="1">
      <alignment vertical="center" wrapText="1" shrinkToFit="1"/>
    </xf>
    <xf numFmtId="176" fontId="5" fillId="0" borderId="0" xfId="0" applyNumberFormat="1" applyFont="1" applyFill="1" applyBorder="1" applyAlignment="1">
      <alignment horizontal="center" vertical="center" wrapText="1"/>
    </xf>
    <xf numFmtId="0" fontId="5" fillId="0" borderId="0" xfId="0" applyFont="1" applyFill="1" applyBorder="1" applyAlignment="1">
      <alignment horizontal="left" vertical="center" wrapText="1"/>
    </xf>
    <xf numFmtId="0" fontId="9" fillId="4" borderId="1" xfId="0" quotePrefix="1" applyNumberFormat="1" applyFont="1" applyFill="1" applyBorder="1" applyAlignment="1" applyProtection="1">
      <alignment horizontal="center" vertical="center" wrapText="1"/>
    </xf>
    <xf numFmtId="0" fontId="5" fillId="4" borderId="1" xfId="0" applyFont="1" applyFill="1" applyBorder="1" applyAlignment="1">
      <alignment horizontal="center" vertical="center" wrapText="1"/>
    </xf>
    <xf numFmtId="58" fontId="5" fillId="4" borderId="1" xfId="0" quotePrefix="1" applyNumberFormat="1" applyFont="1" applyFill="1" applyBorder="1" applyAlignment="1" applyProtection="1">
      <alignment horizontal="center" vertical="center" wrapText="1"/>
    </xf>
    <xf numFmtId="176" fontId="5" fillId="4" borderId="1" xfId="0" applyNumberFormat="1" applyFont="1" applyFill="1" applyBorder="1" applyAlignment="1">
      <alignment horizontal="center" vertical="center" wrapText="1"/>
    </xf>
    <xf numFmtId="0" fontId="5" fillId="4" borderId="1" xfId="0" applyNumberFormat="1" applyFont="1" applyFill="1" applyBorder="1" applyAlignment="1" applyProtection="1">
      <alignment vertical="center" wrapText="1" shrinkToFit="1"/>
    </xf>
    <xf numFmtId="58" fontId="9" fillId="4" borderId="1" xfId="0" applyNumberFormat="1" applyFont="1" applyFill="1" applyBorder="1" applyAlignment="1">
      <alignment horizontal="left" vertical="center" wrapText="1" shrinkToFit="1"/>
    </xf>
    <xf numFmtId="0" fontId="9" fillId="4" borderId="1" xfId="0" applyFont="1" applyFill="1" applyBorder="1" applyAlignment="1">
      <alignment horizontal="left" vertical="center" wrapText="1" shrinkToFit="1"/>
    </xf>
    <xf numFmtId="0" fontId="9" fillId="4" borderId="1" xfId="0" applyFont="1" applyFill="1" applyBorder="1" applyAlignment="1" applyProtection="1">
      <alignment horizontal="center" vertical="center" wrapText="1"/>
    </xf>
    <xf numFmtId="0" fontId="7" fillId="0" borderId="1" xfId="0" applyNumberFormat="1" applyFont="1" applyFill="1" applyBorder="1" applyAlignment="1" applyProtection="1">
      <alignment horizontal="center" vertical="center" wrapText="1"/>
    </xf>
    <xf numFmtId="0" fontId="7" fillId="3" borderId="1" xfId="0" applyNumberFormat="1" applyFont="1" applyFill="1" applyBorder="1" applyAlignment="1" applyProtection="1">
      <alignment vertical="center" wrapText="1"/>
    </xf>
    <xf numFmtId="0" fontId="3" fillId="3" borderId="1" xfId="0" applyNumberFormat="1" applyFont="1" applyFill="1" applyBorder="1" applyAlignment="1" applyProtection="1">
      <alignment vertical="center" wrapText="1"/>
    </xf>
    <xf numFmtId="0" fontId="11" fillId="2" borderId="4" xfId="0" quotePrefix="1" applyNumberFormat="1" applyFont="1" applyFill="1" applyBorder="1" applyAlignment="1" applyProtection="1">
      <alignment horizontal="center" vertical="center" wrapText="1"/>
    </xf>
    <xf numFmtId="0" fontId="6" fillId="2" borderId="2" xfId="0" applyNumberFormat="1" applyFont="1" applyFill="1" applyBorder="1" applyAlignment="1" applyProtection="1">
      <alignment horizontal="center" vertical="center" wrapText="1"/>
    </xf>
    <xf numFmtId="0" fontId="7" fillId="4" borderId="1" xfId="0" applyNumberFormat="1" applyFont="1" applyFill="1" applyBorder="1" applyAlignment="1" applyProtection="1">
      <alignment horizontal="center" vertical="center" wrapText="1"/>
    </xf>
    <xf numFmtId="0" fontId="10" fillId="0" borderId="1" xfId="0" applyFont="1" applyFill="1" applyBorder="1" applyAlignment="1">
      <alignment horizontal="left" vertical="center" wrapText="1" shrinkToFit="1"/>
    </xf>
    <xf numFmtId="0" fontId="2" fillId="0" borderId="1" xfId="0" applyFont="1" applyFill="1" applyBorder="1" applyAlignment="1">
      <alignment horizontal="left" vertical="center" wrapText="1" shrinkToFit="1"/>
    </xf>
    <xf numFmtId="0" fontId="5" fillId="0" borderId="0" xfId="0" applyFont="1" applyFill="1" applyBorder="1" applyAlignment="1">
      <alignment horizontal="left" vertical="center"/>
    </xf>
    <xf numFmtId="0" fontId="5" fillId="0" borderId="1" xfId="0" quotePrefix="1" applyNumberFormat="1" applyFont="1" applyFill="1" applyBorder="1" applyAlignment="1" applyProtection="1">
      <alignment horizontal="left" vertical="center" wrapText="1"/>
    </xf>
    <xf numFmtId="0" fontId="7" fillId="0" borderId="1" xfId="0" applyNumberFormat="1" applyFont="1" applyFill="1" applyBorder="1" applyAlignment="1" applyProtection="1">
      <alignment horizontal="left" vertical="center" wrapText="1"/>
    </xf>
    <xf numFmtId="0" fontId="5" fillId="4" borderId="1" xfId="0" quotePrefix="1" applyFont="1" applyFill="1" applyBorder="1" applyAlignment="1" applyProtection="1">
      <alignment horizontal="left" vertical="center" wrapText="1"/>
    </xf>
    <xf numFmtId="0" fontId="5" fillId="4" borderId="1" xfId="0" quotePrefix="1" applyNumberFormat="1" applyFont="1" applyFill="1" applyBorder="1" applyAlignment="1" applyProtection="1">
      <alignment horizontal="left" vertical="center" wrapText="1"/>
    </xf>
    <xf numFmtId="0" fontId="5" fillId="0" borderId="0" xfId="0" applyNumberFormat="1" applyFont="1" applyFill="1" applyBorder="1" applyAlignment="1" applyProtection="1">
      <alignment horizontal="left" vertical="center" wrapText="1"/>
    </xf>
    <xf numFmtId="58" fontId="7" fillId="0" borderId="1" xfId="0" applyNumberFormat="1" applyFont="1" applyFill="1" applyBorder="1" applyAlignment="1" applyProtection="1">
      <alignment horizontal="center" vertical="center" wrapText="1"/>
    </xf>
    <xf numFmtId="0" fontId="12" fillId="0" borderId="1" xfId="0" applyNumberFormat="1" applyFont="1" applyFill="1" applyBorder="1" applyAlignment="1" applyProtection="1">
      <alignment vertical="center" wrapText="1" shrinkToFit="1"/>
    </xf>
    <xf numFmtId="0" fontId="15" fillId="0" borderId="1" xfId="0" applyFont="1" applyFill="1" applyBorder="1" applyAlignment="1">
      <alignment horizontal="left" vertical="center" wrapText="1" shrinkToFit="1"/>
    </xf>
    <xf numFmtId="0" fontId="3" fillId="3" borderId="1" xfId="0" applyNumberFormat="1" applyFont="1" applyFill="1" applyBorder="1" applyAlignment="1" applyProtection="1">
      <alignment horizontal="left" vertical="center" wrapText="1"/>
    </xf>
    <xf numFmtId="0" fontId="16" fillId="0" borderId="3" xfId="0" quotePrefix="1" applyNumberFormat="1" applyFont="1" applyFill="1" applyBorder="1" applyAlignment="1" applyProtection="1">
      <alignment vertical="center" wrapText="1" shrinkToFit="1"/>
    </xf>
    <xf numFmtId="0" fontId="12" fillId="4" borderId="1" xfId="0" quotePrefix="1" applyNumberFormat="1" applyFont="1" applyFill="1" applyBorder="1" applyAlignment="1" applyProtection="1">
      <alignment horizontal="left" vertical="center" wrapText="1"/>
    </xf>
    <xf numFmtId="0" fontId="5" fillId="0" borderId="0" xfId="0" applyFont="1" applyAlignment="1">
      <alignment vertical="center" wrapText="1"/>
    </xf>
    <xf numFmtId="0" fontId="3" fillId="3" borderId="1" xfId="0" applyFont="1" applyFill="1" applyBorder="1" applyAlignment="1" applyProtection="1">
      <alignment vertical="center" wrapText="1"/>
    </xf>
    <xf numFmtId="0" fontId="5" fillId="0" borderId="7" xfId="0" applyNumberFormat="1" applyFont="1" applyFill="1" applyBorder="1" applyAlignment="1" applyProtection="1">
      <alignment horizontal="center" vertical="center" wrapText="1"/>
    </xf>
    <xf numFmtId="0" fontId="5" fillId="0" borderId="3" xfId="0" applyNumberFormat="1" applyFont="1" applyFill="1" applyBorder="1" applyAlignment="1" applyProtection="1">
      <alignment horizontal="center" vertical="center" wrapText="1"/>
    </xf>
    <xf numFmtId="0" fontId="7" fillId="0" borderId="7" xfId="0" applyNumberFormat="1" applyFont="1" applyFill="1" applyBorder="1" applyAlignment="1" applyProtection="1">
      <alignment horizontal="center" vertical="center" wrapText="1"/>
    </xf>
    <xf numFmtId="0" fontId="7" fillId="0" borderId="6" xfId="0" applyNumberFormat="1" applyFont="1" applyFill="1" applyBorder="1" applyAlignment="1" applyProtection="1">
      <alignment horizontal="center" vertical="center" wrapText="1"/>
    </xf>
    <xf numFmtId="0" fontId="7" fillId="0" borderId="3" xfId="0" applyNumberFormat="1" applyFont="1" applyFill="1" applyBorder="1" applyAlignment="1" applyProtection="1">
      <alignment horizontal="center" vertical="center" wrapText="1"/>
    </xf>
    <xf numFmtId="0" fontId="5" fillId="0" borderId="6" xfId="0" applyNumberFormat="1" applyFont="1" applyFill="1" applyBorder="1" applyAlignment="1" applyProtection="1">
      <alignment horizontal="center" vertical="center" wrapText="1"/>
    </xf>
    <xf numFmtId="0" fontId="5" fillId="0" borderId="0" xfId="0" applyFont="1" applyFill="1" applyBorder="1" applyAlignment="1">
      <alignment horizontal="left" vertical="center"/>
    </xf>
    <xf numFmtId="0" fontId="16" fillId="0" borderId="7" xfId="0" quotePrefix="1" applyNumberFormat="1" applyFont="1" applyFill="1" applyBorder="1" applyAlignment="1" applyProtection="1">
      <alignment horizontal="left" vertical="center" wrapText="1" shrinkToFit="1"/>
    </xf>
    <xf numFmtId="0" fontId="16" fillId="0" borderId="6" xfId="0" quotePrefix="1" applyNumberFormat="1" applyFont="1" applyFill="1" applyBorder="1" applyAlignment="1" applyProtection="1">
      <alignment horizontal="left" vertical="center" wrapText="1" shrinkToFit="1"/>
    </xf>
    <xf numFmtId="57" fontId="7" fillId="0" borderId="0" xfId="0" applyNumberFormat="1" applyFont="1" applyFill="1" applyBorder="1" applyAlignment="1">
      <alignment horizontal="center" vertical="center" shrinkToFit="1"/>
    </xf>
  </cellXfs>
  <cellStyles count="1">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O371"/>
  <sheetViews>
    <sheetView showGridLines="0" tabSelected="1" topLeftCell="D1" zoomScale="80" zoomScaleNormal="80" workbookViewId="0">
      <pane ySplit="4" topLeftCell="A5" activePane="bottomLeft" state="frozen"/>
      <selection pane="bottomLeft" activeCell="H11" sqref="G10:H11"/>
    </sheetView>
  </sheetViews>
  <sheetFormatPr defaultColWidth="9.109375" defaultRowHeight="14.4" x14ac:dyDescent="0.2"/>
  <cols>
    <col min="1" max="1" width="3.6640625" style="3" customWidth="1"/>
    <col min="2" max="2" width="10" style="4" customWidth="1"/>
    <col min="3" max="3" width="10" style="4" hidden="1" customWidth="1"/>
    <col min="4" max="4" width="30.33203125" style="4" bestFit="1" customWidth="1"/>
    <col min="5" max="5" width="27.33203125" style="3" customWidth="1"/>
    <col min="6" max="6" width="15" style="4" bestFit="1" customWidth="1"/>
    <col min="7" max="7" width="26.33203125" style="7" customWidth="1"/>
    <col min="8" max="8" width="15.6640625" style="4" customWidth="1"/>
    <col min="9" max="9" width="20.6640625" style="4" customWidth="1"/>
    <col min="10" max="10" width="35.6640625" style="5" customWidth="1"/>
    <col min="11" max="11" width="20.6640625" style="6" customWidth="1"/>
    <col min="12" max="12" width="40.6640625" style="7" customWidth="1"/>
    <col min="13" max="13" width="17.109375" style="5" customWidth="1"/>
    <col min="14" max="16384" width="9.109375" style="3"/>
  </cols>
  <sheetData>
    <row r="1" spans="1:14" ht="15" customHeight="1" x14ac:dyDescent="0.2"/>
    <row r="2" spans="1:14" ht="15" customHeight="1" x14ac:dyDescent="0.2">
      <c r="A2" s="8"/>
      <c r="B2" s="78" t="s">
        <v>8</v>
      </c>
      <c r="C2" s="78"/>
      <c r="D2" s="78"/>
      <c r="E2" s="78"/>
      <c r="F2" s="78"/>
      <c r="G2" s="78"/>
      <c r="H2" s="78"/>
      <c r="I2" s="78"/>
      <c r="J2" s="78"/>
      <c r="K2" s="78"/>
      <c r="L2" s="78"/>
      <c r="M2" s="78"/>
    </row>
    <row r="3" spans="1:14" ht="15" customHeight="1" x14ac:dyDescent="0.2">
      <c r="A3" s="8"/>
      <c r="B3" s="9"/>
      <c r="C3" s="9"/>
      <c r="D3" s="9"/>
      <c r="E3" s="9"/>
      <c r="F3" s="10"/>
      <c r="G3" s="58"/>
      <c r="H3" s="10"/>
      <c r="I3" s="10"/>
      <c r="J3" s="8"/>
      <c r="K3" s="11"/>
      <c r="L3" s="12"/>
      <c r="M3" s="81">
        <v>46057</v>
      </c>
    </row>
    <row r="4" spans="1:14" ht="50.1" customHeight="1" x14ac:dyDescent="0.2">
      <c r="A4" s="8"/>
      <c r="B4" s="13" t="s">
        <v>9</v>
      </c>
      <c r="C4" s="53" t="s">
        <v>68</v>
      </c>
      <c r="D4" s="53" t="s">
        <v>75</v>
      </c>
      <c r="E4" s="54" t="s">
        <v>74</v>
      </c>
      <c r="F4" s="15" t="s">
        <v>10</v>
      </c>
      <c r="G4" s="14" t="s">
        <v>11</v>
      </c>
      <c r="H4" s="16" t="s">
        <v>12</v>
      </c>
      <c r="I4" s="15" t="s">
        <v>13</v>
      </c>
      <c r="J4" s="17" t="s">
        <v>14</v>
      </c>
      <c r="K4" s="18" t="s">
        <v>15</v>
      </c>
      <c r="L4" s="16" t="s">
        <v>16</v>
      </c>
      <c r="M4" s="19" t="s">
        <v>17</v>
      </c>
      <c r="N4" s="8"/>
    </row>
    <row r="5" spans="1:14" ht="74.25" customHeight="1" x14ac:dyDescent="0.2">
      <c r="A5" s="8"/>
      <c r="B5" s="34" t="s">
        <v>27</v>
      </c>
      <c r="C5" s="34">
        <v>1</v>
      </c>
      <c r="D5" s="55" t="s">
        <v>85</v>
      </c>
      <c r="E5" s="31" t="s">
        <v>28</v>
      </c>
      <c r="F5" s="49"/>
      <c r="G5" s="61"/>
      <c r="H5" s="43"/>
      <c r="I5" s="44">
        <v>24511</v>
      </c>
      <c r="J5" s="46" t="s">
        <v>29</v>
      </c>
      <c r="K5" s="45">
        <v>29011</v>
      </c>
      <c r="L5" s="47"/>
      <c r="M5" s="46" t="s">
        <v>30</v>
      </c>
      <c r="N5" s="8"/>
    </row>
    <row r="6" spans="1:14" ht="75" customHeight="1" x14ac:dyDescent="0.2">
      <c r="A6" s="8"/>
      <c r="B6" s="72" t="s">
        <v>27</v>
      </c>
      <c r="C6" s="20">
        <v>0</v>
      </c>
      <c r="D6" s="74" t="s">
        <v>86</v>
      </c>
      <c r="E6" s="28" t="s">
        <v>31</v>
      </c>
      <c r="F6" s="22" t="s">
        <v>18</v>
      </c>
      <c r="G6" s="69" t="s">
        <v>111</v>
      </c>
      <c r="H6" s="1" t="s">
        <v>106</v>
      </c>
      <c r="I6" s="23">
        <v>28864</v>
      </c>
      <c r="J6" s="32" t="s">
        <v>32</v>
      </c>
      <c r="K6" s="25"/>
      <c r="L6" s="26" t="s">
        <v>90</v>
      </c>
      <c r="M6" s="79" t="s">
        <v>107</v>
      </c>
      <c r="N6" s="8"/>
    </row>
    <row r="7" spans="1:14" ht="50.1" customHeight="1" x14ac:dyDescent="0.2">
      <c r="A7" s="8"/>
      <c r="B7" s="77"/>
      <c r="C7" s="20">
        <v>0</v>
      </c>
      <c r="D7" s="77"/>
      <c r="E7" s="21" t="s">
        <v>33</v>
      </c>
      <c r="F7" s="22" t="s">
        <v>18</v>
      </c>
      <c r="G7" s="69" t="s">
        <v>112</v>
      </c>
      <c r="H7" s="1" t="s">
        <v>106</v>
      </c>
      <c r="I7" s="20" t="s">
        <v>34</v>
      </c>
      <c r="J7" s="24" t="s">
        <v>35</v>
      </c>
      <c r="K7" s="25"/>
      <c r="L7" s="26" t="s">
        <v>36</v>
      </c>
      <c r="M7" s="80"/>
      <c r="N7" s="8"/>
    </row>
    <row r="8" spans="1:14" ht="49.5" customHeight="1" x14ac:dyDescent="0.2">
      <c r="A8" s="8"/>
      <c r="B8" s="77"/>
      <c r="C8" s="20"/>
      <c r="D8" s="77"/>
      <c r="E8" s="21" t="s">
        <v>37</v>
      </c>
      <c r="F8" s="22" t="s">
        <v>18</v>
      </c>
      <c r="G8" s="69" t="s">
        <v>112</v>
      </c>
      <c r="H8" s="1" t="s">
        <v>106</v>
      </c>
      <c r="I8" s="23">
        <v>39490</v>
      </c>
      <c r="J8" s="65" t="s">
        <v>22</v>
      </c>
      <c r="K8" s="25"/>
      <c r="L8" s="26"/>
      <c r="M8" s="80"/>
      <c r="N8" s="8"/>
    </row>
    <row r="9" spans="1:14" ht="49.5" customHeight="1" x14ac:dyDescent="0.2">
      <c r="A9" s="8"/>
      <c r="B9" s="73"/>
      <c r="C9" s="20">
        <v>0</v>
      </c>
      <c r="D9" s="73"/>
      <c r="E9" s="21" t="s">
        <v>108</v>
      </c>
      <c r="F9" s="22" t="s">
        <v>18</v>
      </c>
      <c r="G9" s="69" t="s">
        <v>112</v>
      </c>
      <c r="H9" s="1" t="s">
        <v>106</v>
      </c>
      <c r="I9" s="23" t="s">
        <v>109</v>
      </c>
      <c r="J9" s="65" t="s">
        <v>110</v>
      </c>
      <c r="K9" s="25"/>
      <c r="L9" s="26"/>
      <c r="M9" s="68"/>
      <c r="N9" s="8"/>
    </row>
    <row r="10" spans="1:14" ht="50.1" customHeight="1" x14ac:dyDescent="0.2">
      <c r="A10" s="8"/>
      <c r="B10" s="72" t="s">
        <v>27</v>
      </c>
      <c r="C10" s="20">
        <v>0</v>
      </c>
      <c r="D10" s="74" t="s">
        <v>76</v>
      </c>
      <c r="E10" s="71" t="s">
        <v>119</v>
      </c>
      <c r="F10" s="22" t="s">
        <v>18</v>
      </c>
      <c r="G10" s="59" t="s">
        <v>121</v>
      </c>
      <c r="H10" s="2" t="s">
        <v>120</v>
      </c>
      <c r="I10" s="2">
        <v>40256</v>
      </c>
      <c r="J10" s="24" t="s">
        <v>25</v>
      </c>
      <c r="K10" s="25"/>
      <c r="L10" s="26"/>
      <c r="M10" s="24"/>
      <c r="N10" s="8"/>
    </row>
    <row r="11" spans="1:14" ht="75" customHeight="1" x14ac:dyDescent="0.2">
      <c r="A11" s="8"/>
      <c r="B11" s="77"/>
      <c r="C11" s="20">
        <v>0</v>
      </c>
      <c r="D11" s="75"/>
      <c r="E11" s="52" t="s">
        <v>89</v>
      </c>
      <c r="F11" s="22" t="s">
        <v>18</v>
      </c>
      <c r="G11" s="59" t="s">
        <v>121</v>
      </c>
      <c r="H11" s="1" t="s">
        <v>120</v>
      </c>
      <c r="I11" s="23">
        <v>24141</v>
      </c>
      <c r="J11" s="24" t="s">
        <v>38</v>
      </c>
      <c r="K11" s="25"/>
      <c r="L11" s="26" t="s">
        <v>91</v>
      </c>
      <c r="M11" s="24"/>
      <c r="N11" s="8"/>
    </row>
    <row r="12" spans="1:14" ht="48.75" customHeight="1" x14ac:dyDescent="0.2">
      <c r="A12" s="8"/>
      <c r="B12" s="73"/>
      <c r="C12" s="34">
        <v>0</v>
      </c>
      <c r="D12" s="76"/>
      <c r="E12" s="21" t="s">
        <v>39</v>
      </c>
      <c r="F12" s="42" t="s">
        <v>18</v>
      </c>
      <c r="G12" s="62" t="s">
        <v>118</v>
      </c>
      <c r="H12" s="43" t="s">
        <v>1</v>
      </c>
      <c r="I12" s="44">
        <v>24141</v>
      </c>
      <c r="J12" s="46" t="s">
        <v>40</v>
      </c>
      <c r="K12" s="45" t="s">
        <v>41</v>
      </c>
      <c r="L12" s="48"/>
      <c r="M12" s="46"/>
      <c r="N12" s="8"/>
    </row>
    <row r="13" spans="1:14" ht="48.75" customHeight="1" x14ac:dyDescent="0.2">
      <c r="A13" s="8"/>
      <c r="B13" s="72" t="s">
        <v>27</v>
      </c>
      <c r="C13" s="20">
        <v>0</v>
      </c>
      <c r="D13" s="74" t="s">
        <v>77</v>
      </c>
      <c r="E13" s="21" t="s">
        <v>42</v>
      </c>
      <c r="F13" s="22" t="s">
        <v>18</v>
      </c>
      <c r="G13" s="59" t="s">
        <v>116</v>
      </c>
      <c r="H13" s="1" t="s">
        <v>2</v>
      </c>
      <c r="I13" s="23">
        <v>26011</v>
      </c>
      <c r="J13" s="32" t="s">
        <v>43</v>
      </c>
      <c r="K13" s="25"/>
      <c r="L13" s="26" t="s">
        <v>44</v>
      </c>
      <c r="M13" s="32"/>
      <c r="N13" s="8"/>
    </row>
    <row r="14" spans="1:14" ht="48.75" customHeight="1" x14ac:dyDescent="0.2">
      <c r="A14" s="8"/>
      <c r="B14" s="77"/>
      <c r="C14" s="20"/>
      <c r="D14" s="75"/>
      <c r="E14" s="21" t="s">
        <v>45</v>
      </c>
      <c r="F14" s="22" t="s">
        <v>18</v>
      </c>
      <c r="G14" s="59" t="s">
        <v>116</v>
      </c>
      <c r="H14" s="1" t="s">
        <v>2</v>
      </c>
      <c r="I14" s="27">
        <v>36923</v>
      </c>
      <c r="J14" s="24" t="s">
        <v>46</v>
      </c>
      <c r="K14" s="25"/>
      <c r="L14" s="26" t="s">
        <v>47</v>
      </c>
      <c r="M14" s="32"/>
      <c r="N14" s="8"/>
    </row>
    <row r="15" spans="1:14" ht="48.75" customHeight="1" x14ac:dyDescent="0.2">
      <c r="A15" s="8"/>
      <c r="B15" s="73"/>
      <c r="C15" s="20">
        <v>0</v>
      </c>
      <c r="D15" s="76"/>
      <c r="E15" s="51" t="s">
        <v>115</v>
      </c>
      <c r="F15" s="22" t="s">
        <v>18</v>
      </c>
      <c r="G15" s="59" t="s">
        <v>116</v>
      </c>
      <c r="H15" s="1" t="s">
        <v>2</v>
      </c>
      <c r="I15" s="64">
        <v>45897</v>
      </c>
      <c r="J15" s="24" t="s">
        <v>117</v>
      </c>
      <c r="K15" s="25"/>
      <c r="L15" s="26"/>
      <c r="M15" s="24"/>
      <c r="N15" s="8"/>
    </row>
    <row r="16" spans="1:14" ht="50.1" customHeight="1" x14ac:dyDescent="0.2">
      <c r="A16" s="8"/>
      <c r="B16" s="20" t="s">
        <v>27</v>
      </c>
      <c r="C16" s="20">
        <v>0</v>
      </c>
      <c r="D16" s="50" t="s">
        <v>78</v>
      </c>
      <c r="E16" s="21" t="s">
        <v>48</v>
      </c>
      <c r="F16" s="22" t="s">
        <v>18</v>
      </c>
      <c r="G16" s="30" t="s">
        <v>49</v>
      </c>
      <c r="H16" s="1" t="s">
        <v>5</v>
      </c>
      <c r="I16" s="27">
        <v>37693</v>
      </c>
      <c r="J16" s="24" t="s">
        <v>50</v>
      </c>
      <c r="K16" s="25"/>
      <c r="L16" s="26" t="s">
        <v>51</v>
      </c>
      <c r="M16" s="24"/>
      <c r="N16" s="8"/>
    </row>
    <row r="17" spans="1:14" ht="50.1" customHeight="1" x14ac:dyDescent="0.2">
      <c r="A17" s="8"/>
      <c r="B17" s="20" t="s">
        <v>27</v>
      </c>
      <c r="C17" s="20">
        <v>0</v>
      </c>
      <c r="D17" s="50" t="s">
        <v>79</v>
      </c>
      <c r="E17" s="29" t="s">
        <v>52</v>
      </c>
      <c r="F17" s="22" t="s">
        <v>18</v>
      </c>
      <c r="G17" s="59" t="s">
        <v>53</v>
      </c>
      <c r="H17" s="1" t="s">
        <v>7</v>
      </c>
      <c r="I17" s="23">
        <v>26747</v>
      </c>
      <c r="J17" s="32" t="s">
        <v>54</v>
      </c>
      <c r="K17" s="25"/>
      <c r="L17" s="57" t="s">
        <v>102</v>
      </c>
      <c r="M17" s="32"/>
      <c r="N17" s="8"/>
    </row>
    <row r="18" spans="1:14" ht="54" x14ac:dyDescent="0.2">
      <c r="A18" s="8"/>
      <c r="B18" s="72" t="s">
        <v>27</v>
      </c>
      <c r="C18" s="20">
        <v>0</v>
      </c>
      <c r="D18" s="74" t="s">
        <v>80</v>
      </c>
      <c r="E18" s="67" t="s">
        <v>101</v>
      </c>
      <c r="F18" s="22" t="s">
        <v>18</v>
      </c>
      <c r="G18" s="30" t="s">
        <v>55</v>
      </c>
      <c r="H18" s="1" t="s">
        <v>4</v>
      </c>
      <c r="I18" s="27">
        <v>24531</v>
      </c>
      <c r="J18" s="24" t="s">
        <v>56</v>
      </c>
      <c r="K18" s="25"/>
      <c r="L18" s="57" t="s">
        <v>103</v>
      </c>
      <c r="M18" s="24"/>
      <c r="N18" s="8"/>
    </row>
    <row r="19" spans="1:14" ht="50.1" customHeight="1" x14ac:dyDescent="0.2">
      <c r="A19" s="8"/>
      <c r="B19" s="77"/>
      <c r="C19" s="20">
        <v>0</v>
      </c>
      <c r="D19" s="77"/>
      <c r="E19" s="21" t="s">
        <v>57</v>
      </c>
      <c r="F19" s="22" t="s">
        <v>18</v>
      </c>
      <c r="G19" s="30" t="s">
        <v>55</v>
      </c>
      <c r="H19" s="1" t="s">
        <v>4</v>
      </c>
      <c r="I19" s="20" t="s">
        <v>58</v>
      </c>
      <c r="J19" s="24" t="s">
        <v>19</v>
      </c>
      <c r="K19" s="25"/>
      <c r="L19" s="57" t="s">
        <v>104</v>
      </c>
      <c r="M19" s="24"/>
      <c r="N19" s="8"/>
    </row>
    <row r="20" spans="1:14" ht="50.1" customHeight="1" x14ac:dyDescent="0.2">
      <c r="A20" s="8"/>
      <c r="B20" s="77"/>
      <c r="C20" s="20">
        <v>0</v>
      </c>
      <c r="D20" s="77"/>
      <c r="E20" s="52" t="s">
        <v>100</v>
      </c>
      <c r="F20" s="22" t="s">
        <v>18</v>
      </c>
      <c r="G20" s="30" t="s">
        <v>55</v>
      </c>
      <c r="H20" s="1" t="s">
        <v>4</v>
      </c>
      <c r="I20" s="20" t="s">
        <v>58</v>
      </c>
      <c r="J20" s="24" t="s">
        <v>19</v>
      </c>
      <c r="K20" s="25"/>
      <c r="L20" s="57" t="s">
        <v>105</v>
      </c>
      <c r="M20" s="24"/>
      <c r="N20" s="8"/>
    </row>
    <row r="21" spans="1:14" ht="63" customHeight="1" x14ac:dyDescent="0.2">
      <c r="A21" s="8"/>
      <c r="B21" s="77"/>
      <c r="C21" s="20">
        <v>0</v>
      </c>
      <c r="D21" s="77"/>
      <c r="E21" s="52" t="s">
        <v>67</v>
      </c>
      <c r="F21" s="22" t="s">
        <v>18</v>
      </c>
      <c r="G21" s="30" t="s">
        <v>55</v>
      </c>
      <c r="H21" s="1" t="s">
        <v>4</v>
      </c>
      <c r="I21" s="27">
        <v>39126</v>
      </c>
      <c r="J21" s="24" t="s">
        <v>21</v>
      </c>
      <c r="K21" s="25"/>
      <c r="L21" s="57"/>
      <c r="M21" s="24"/>
      <c r="N21" s="8"/>
    </row>
    <row r="22" spans="1:14" ht="50.1" customHeight="1" x14ac:dyDescent="0.2">
      <c r="A22" s="8"/>
      <c r="B22" s="73"/>
      <c r="C22" s="20">
        <v>0</v>
      </c>
      <c r="D22" s="73"/>
      <c r="E22" s="52" t="s">
        <v>99</v>
      </c>
      <c r="F22" s="22" t="s">
        <v>18</v>
      </c>
      <c r="G22" s="30" t="s">
        <v>59</v>
      </c>
      <c r="H22" s="1" t="s">
        <v>4</v>
      </c>
      <c r="I22" s="27">
        <v>39899</v>
      </c>
      <c r="J22" s="24" t="s">
        <v>20</v>
      </c>
      <c r="K22" s="25"/>
      <c r="L22" s="57" t="s">
        <v>98</v>
      </c>
      <c r="M22" s="24"/>
      <c r="N22" s="8"/>
    </row>
    <row r="23" spans="1:14" ht="72.75" customHeight="1" x14ac:dyDescent="0.2">
      <c r="A23" s="8"/>
      <c r="B23" s="72" t="s">
        <v>27</v>
      </c>
      <c r="C23" s="20">
        <v>0</v>
      </c>
      <c r="D23" s="74" t="s">
        <v>81</v>
      </c>
      <c r="E23" s="52" t="s">
        <v>114</v>
      </c>
      <c r="F23" s="22" t="s">
        <v>18</v>
      </c>
      <c r="G23" s="30" t="s">
        <v>60</v>
      </c>
      <c r="H23" s="1" t="s">
        <v>3</v>
      </c>
      <c r="I23" s="27">
        <v>38727</v>
      </c>
      <c r="J23" s="24" t="s">
        <v>23</v>
      </c>
      <c r="K23" s="25"/>
      <c r="L23" s="66" t="s">
        <v>113</v>
      </c>
      <c r="M23" s="24"/>
      <c r="N23" s="8"/>
    </row>
    <row r="24" spans="1:14" ht="63" customHeight="1" x14ac:dyDescent="0.2">
      <c r="A24" s="8"/>
      <c r="B24" s="73"/>
      <c r="C24" s="20">
        <v>0</v>
      </c>
      <c r="D24" s="76"/>
      <c r="E24" s="52" t="s">
        <v>88</v>
      </c>
      <c r="F24" s="22" t="s">
        <v>18</v>
      </c>
      <c r="G24" s="30" t="s">
        <v>60</v>
      </c>
      <c r="H24" s="1" t="s">
        <v>3</v>
      </c>
      <c r="I24" s="27">
        <v>41995</v>
      </c>
      <c r="J24" s="24" t="s">
        <v>24</v>
      </c>
      <c r="K24" s="25"/>
      <c r="L24" s="56" t="s">
        <v>87</v>
      </c>
      <c r="M24" s="24"/>
      <c r="N24" s="8"/>
    </row>
    <row r="25" spans="1:14" ht="50.1" customHeight="1" x14ac:dyDescent="0.2">
      <c r="A25" s="8"/>
      <c r="B25" s="20" t="s">
        <v>27</v>
      </c>
      <c r="C25" s="20">
        <v>0</v>
      </c>
      <c r="D25" s="50" t="s">
        <v>82</v>
      </c>
      <c r="E25" s="21" t="s">
        <v>61</v>
      </c>
      <c r="F25" s="22" t="s">
        <v>18</v>
      </c>
      <c r="G25" s="30" t="s">
        <v>62</v>
      </c>
      <c r="H25" s="1" t="s">
        <v>0</v>
      </c>
      <c r="I25" s="27">
        <v>40268</v>
      </c>
      <c r="J25" s="24" t="s">
        <v>63</v>
      </c>
      <c r="K25" s="25"/>
      <c r="L25" s="26"/>
      <c r="M25" s="24"/>
      <c r="N25" s="8"/>
    </row>
    <row r="26" spans="1:14" ht="50.1" customHeight="1" x14ac:dyDescent="0.2">
      <c r="A26" s="8"/>
      <c r="B26" s="20" t="s">
        <v>27</v>
      </c>
      <c r="C26" s="20">
        <v>0</v>
      </c>
      <c r="D26" s="50" t="s">
        <v>83</v>
      </c>
      <c r="E26" s="21" t="s">
        <v>64</v>
      </c>
      <c r="F26" s="22" t="s">
        <v>18</v>
      </c>
      <c r="G26" s="30" t="s">
        <v>65</v>
      </c>
      <c r="H26" s="1" t="s">
        <v>6</v>
      </c>
      <c r="I26" s="27">
        <v>42403</v>
      </c>
      <c r="J26" s="24" t="s">
        <v>26</v>
      </c>
      <c r="K26" s="25"/>
      <c r="L26" s="26"/>
      <c r="M26" s="24"/>
      <c r="N26" s="8"/>
    </row>
    <row r="27" spans="1:14" ht="50.1" customHeight="1" x14ac:dyDescent="0.2">
      <c r="A27" s="8"/>
      <c r="B27" s="20" t="s">
        <v>27</v>
      </c>
      <c r="C27" s="20"/>
      <c r="D27" s="50" t="s">
        <v>93</v>
      </c>
      <c r="E27" s="51" t="s">
        <v>92</v>
      </c>
      <c r="F27" s="22" t="s">
        <v>18</v>
      </c>
      <c r="G27" s="60" t="s">
        <v>94</v>
      </c>
      <c r="H27" s="1" t="s">
        <v>97</v>
      </c>
      <c r="I27" s="64" t="s">
        <v>96</v>
      </c>
      <c r="J27" s="24" t="s">
        <v>95</v>
      </c>
      <c r="K27" s="25"/>
      <c r="L27" s="26"/>
      <c r="M27" s="24"/>
      <c r="N27" s="8"/>
    </row>
    <row r="28" spans="1:14" x14ac:dyDescent="0.2">
      <c r="A28" s="8"/>
      <c r="B28" s="35"/>
      <c r="C28" s="35"/>
      <c r="D28" s="35"/>
      <c r="E28" s="36"/>
      <c r="F28" s="37"/>
      <c r="G28" s="63"/>
      <c r="H28" s="38"/>
      <c r="I28" s="37"/>
      <c r="J28" s="39"/>
      <c r="K28" s="40"/>
      <c r="L28" s="41"/>
      <c r="M28" s="39"/>
      <c r="N28" s="8"/>
    </row>
    <row r="29" spans="1:14" ht="50.1" customHeight="1" x14ac:dyDescent="0.2">
      <c r="A29" s="8"/>
      <c r="N29" s="8"/>
    </row>
    <row r="30" spans="1:14" ht="50.1" customHeight="1" x14ac:dyDescent="0.2">
      <c r="A30" s="8"/>
      <c r="N30" s="8"/>
    </row>
    <row r="31" spans="1:14" ht="50.1" customHeight="1" x14ac:dyDescent="0.2">
      <c r="A31" s="8"/>
      <c r="N31" s="8"/>
    </row>
    <row r="32" spans="1:14" ht="50.1" customHeight="1" x14ac:dyDescent="0.2">
      <c r="A32" s="8"/>
      <c r="N32" s="8"/>
    </row>
    <row r="33" spans="1:14" ht="50.1" customHeight="1" x14ac:dyDescent="0.2">
      <c r="A33" s="8"/>
      <c r="N33" s="8"/>
    </row>
    <row r="34" spans="1:14" ht="50.1" customHeight="1" x14ac:dyDescent="0.2">
      <c r="A34" s="8"/>
      <c r="N34" s="8"/>
    </row>
    <row r="35" spans="1:14" ht="50.1" customHeight="1" x14ac:dyDescent="0.2">
      <c r="A35" s="8"/>
      <c r="N35" s="8"/>
    </row>
    <row r="36" spans="1:14" ht="50.1" customHeight="1" x14ac:dyDescent="0.2">
      <c r="A36" s="8"/>
      <c r="N36" s="8"/>
    </row>
    <row r="37" spans="1:14" ht="50.1" customHeight="1" x14ac:dyDescent="0.2">
      <c r="A37" s="8"/>
      <c r="N37" s="8"/>
    </row>
    <row r="38" spans="1:14" ht="50.1" customHeight="1" x14ac:dyDescent="0.2">
      <c r="A38" s="8"/>
      <c r="N38" s="8"/>
    </row>
    <row r="39" spans="1:14" ht="50.1" customHeight="1" x14ac:dyDescent="0.2">
      <c r="A39" s="8"/>
      <c r="N39" s="8"/>
    </row>
    <row r="40" spans="1:14" ht="50.1" customHeight="1" x14ac:dyDescent="0.2">
      <c r="A40" s="8"/>
      <c r="N40" s="8"/>
    </row>
    <row r="41" spans="1:14" ht="50.1" customHeight="1" x14ac:dyDescent="0.2">
      <c r="A41" s="8"/>
      <c r="N41" s="8"/>
    </row>
    <row r="42" spans="1:14" ht="50.1" customHeight="1" x14ac:dyDescent="0.2">
      <c r="A42" s="8"/>
      <c r="N42" s="8"/>
    </row>
    <row r="43" spans="1:14" ht="50.1" customHeight="1" x14ac:dyDescent="0.2">
      <c r="A43" s="8"/>
      <c r="N43" s="8"/>
    </row>
    <row r="44" spans="1:14" ht="50.1" customHeight="1" x14ac:dyDescent="0.2">
      <c r="A44" s="8"/>
      <c r="N44" s="8"/>
    </row>
    <row r="45" spans="1:14" ht="50.1" customHeight="1" x14ac:dyDescent="0.2">
      <c r="A45" s="8"/>
      <c r="N45" s="8"/>
    </row>
    <row r="46" spans="1:14" ht="50.1" customHeight="1" x14ac:dyDescent="0.2">
      <c r="A46" s="8"/>
      <c r="N46" s="8"/>
    </row>
    <row r="47" spans="1:14" ht="50.1" customHeight="1" x14ac:dyDescent="0.2">
      <c r="A47" s="8"/>
      <c r="N47" s="8"/>
    </row>
    <row r="48" spans="1:14" ht="60" customHeight="1" x14ac:dyDescent="0.2">
      <c r="A48" s="8"/>
      <c r="N48" s="8"/>
    </row>
    <row r="49" spans="1:14" ht="64.5" customHeight="1" x14ac:dyDescent="0.2">
      <c r="A49" s="8"/>
      <c r="N49" s="8"/>
    </row>
    <row r="50" spans="1:14" ht="64.5" customHeight="1" x14ac:dyDescent="0.2">
      <c r="A50" s="8"/>
      <c r="N50" s="8"/>
    </row>
    <row r="51" spans="1:14" ht="64.5" customHeight="1" x14ac:dyDescent="0.2">
      <c r="A51" s="8"/>
      <c r="N51" s="8"/>
    </row>
    <row r="52" spans="1:14" ht="50.1" customHeight="1" x14ac:dyDescent="0.2">
      <c r="A52" s="8"/>
      <c r="N52" s="8"/>
    </row>
    <row r="53" spans="1:14" ht="65.25" customHeight="1" x14ac:dyDescent="0.2">
      <c r="A53" s="8"/>
      <c r="N53" s="8"/>
    </row>
    <row r="54" spans="1:14" ht="65.25" customHeight="1" x14ac:dyDescent="0.2">
      <c r="A54" s="8"/>
      <c r="N54" s="8"/>
    </row>
    <row r="55" spans="1:14" ht="57" customHeight="1" x14ac:dyDescent="0.2">
      <c r="A55" s="8"/>
      <c r="N55" s="8"/>
    </row>
    <row r="56" spans="1:14" ht="50.1" customHeight="1" x14ac:dyDescent="0.2">
      <c r="A56" s="8"/>
      <c r="N56" s="8"/>
    </row>
    <row r="57" spans="1:14" ht="50.1" customHeight="1" x14ac:dyDescent="0.2">
      <c r="A57" s="8"/>
      <c r="N57" s="8"/>
    </row>
    <row r="58" spans="1:14" ht="50.1" customHeight="1" x14ac:dyDescent="0.2">
      <c r="A58" s="8"/>
      <c r="N58" s="8"/>
    </row>
    <row r="59" spans="1:14" ht="50.1" customHeight="1" x14ac:dyDescent="0.2">
      <c r="A59" s="8"/>
      <c r="N59" s="8"/>
    </row>
    <row r="60" spans="1:14" ht="57.75" customHeight="1" x14ac:dyDescent="0.2">
      <c r="A60" s="8"/>
      <c r="N60" s="8"/>
    </row>
    <row r="61" spans="1:14" ht="50.1" customHeight="1" x14ac:dyDescent="0.2">
      <c r="A61" s="8"/>
      <c r="N61" s="8"/>
    </row>
    <row r="62" spans="1:14" ht="50.1" customHeight="1" x14ac:dyDescent="0.2">
      <c r="A62" s="8"/>
      <c r="N62" s="8"/>
    </row>
    <row r="63" spans="1:14" ht="50.1" customHeight="1" x14ac:dyDescent="0.2">
      <c r="A63" s="8"/>
      <c r="N63" s="8"/>
    </row>
    <row r="64" spans="1:14" ht="50.1" customHeight="1" x14ac:dyDescent="0.2">
      <c r="A64" s="8"/>
      <c r="N64" s="8"/>
    </row>
    <row r="65" spans="1:14" ht="50.1" customHeight="1" x14ac:dyDescent="0.2">
      <c r="A65" s="8"/>
      <c r="N65" s="8"/>
    </row>
    <row r="66" spans="1:14" ht="50.1" customHeight="1" x14ac:dyDescent="0.2">
      <c r="A66" s="8"/>
      <c r="N66" s="8"/>
    </row>
    <row r="67" spans="1:14" ht="50.1" customHeight="1" x14ac:dyDescent="0.2">
      <c r="A67" s="8"/>
      <c r="N67" s="8"/>
    </row>
    <row r="68" spans="1:14" ht="50.1" customHeight="1" x14ac:dyDescent="0.2">
      <c r="A68" s="8"/>
      <c r="N68" s="8"/>
    </row>
    <row r="69" spans="1:14" ht="50.1" customHeight="1" x14ac:dyDescent="0.2">
      <c r="A69" s="8"/>
      <c r="N69" s="8"/>
    </row>
    <row r="70" spans="1:14" ht="63.75" customHeight="1" x14ac:dyDescent="0.2">
      <c r="A70" s="8"/>
      <c r="N70" s="8"/>
    </row>
    <row r="71" spans="1:14" ht="93.75" customHeight="1" x14ac:dyDescent="0.2">
      <c r="A71" s="8"/>
      <c r="N71" s="8"/>
    </row>
    <row r="72" spans="1:14" ht="50.1" customHeight="1" x14ac:dyDescent="0.2">
      <c r="A72" s="8"/>
      <c r="N72" s="8"/>
    </row>
    <row r="73" spans="1:14" ht="50.1" customHeight="1" x14ac:dyDescent="0.2">
      <c r="A73" s="8"/>
      <c r="N73" s="8"/>
    </row>
    <row r="74" spans="1:14" ht="50.1" customHeight="1" x14ac:dyDescent="0.2">
      <c r="A74" s="8"/>
      <c r="N74" s="8"/>
    </row>
    <row r="75" spans="1:14" ht="60" customHeight="1" x14ac:dyDescent="0.2">
      <c r="A75" s="8"/>
      <c r="N75" s="8"/>
    </row>
    <row r="76" spans="1:14" ht="50.1" customHeight="1" x14ac:dyDescent="0.2">
      <c r="A76" s="8"/>
      <c r="N76" s="8"/>
    </row>
    <row r="77" spans="1:14" ht="50.1" customHeight="1" x14ac:dyDescent="0.2">
      <c r="A77" s="8"/>
      <c r="N77" s="8"/>
    </row>
    <row r="78" spans="1:14" ht="50.1" customHeight="1" x14ac:dyDescent="0.2">
      <c r="A78" s="8"/>
      <c r="N78" s="8"/>
    </row>
    <row r="79" spans="1:14" ht="50.1" customHeight="1" x14ac:dyDescent="0.2">
      <c r="A79" s="8"/>
      <c r="N79" s="8"/>
    </row>
    <row r="80" spans="1:14" ht="50.1" customHeight="1" x14ac:dyDescent="0.2">
      <c r="A80" s="8"/>
      <c r="N80" s="8"/>
    </row>
    <row r="81" spans="1:15" ht="50.1" customHeight="1" x14ac:dyDescent="0.2">
      <c r="A81" s="8"/>
      <c r="N81" s="8"/>
    </row>
    <row r="82" spans="1:15" ht="79.5" customHeight="1" x14ac:dyDescent="0.2">
      <c r="A82" s="8"/>
      <c r="N82" s="8"/>
    </row>
    <row r="83" spans="1:15" ht="105.75" customHeight="1" x14ac:dyDescent="0.2">
      <c r="A83" s="8"/>
      <c r="N83" s="8"/>
    </row>
    <row r="84" spans="1:15" s="8" customFormat="1" ht="50.1" customHeight="1" x14ac:dyDescent="0.2">
      <c r="B84" s="4"/>
      <c r="C84" s="4"/>
      <c r="D84" s="4"/>
      <c r="E84" s="3"/>
      <c r="F84" s="4"/>
      <c r="G84" s="7"/>
      <c r="H84" s="4"/>
      <c r="I84" s="4"/>
      <c r="J84" s="5"/>
      <c r="K84" s="6"/>
      <c r="L84" s="7"/>
      <c r="M84" s="5"/>
      <c r="O84" s="3"/>
    </row>
    <row r="85" spans="1:15" s="8" customFormat="1" ht="50.1" customHeight="1" x14ac:dyDescent="0.2">
      <c r="B85" s="4"/>
      <c r="C85" s="4"/>
      <c r="D85" s="4"/>
      <c r="E85" s="3"/>
      <c r="F85" s="4"/>
      <c r="G85" s="7"/>
      <c r="H85" s="4"/>
      <c r="I85" s="4"/>
      <c r="J85" s="5"/>
      <c r="K85" s="6"/>
      <c r="L85" s="7"/>
      <c r="M85" s="5"/>
      <c r="O85" s="3"/>
    </row>
    <row r="86" spans="1:15" s="8" customFormat="1" ht="50.1" customHeight="1" x14ac:dyDescent="0.2">
      <c r="B86" s="4"/>
      <c r="C86" s="4"/>
      <c r="D86" s="4"/>
      <c r="E86" s="3"/>
      <c r="F86" s="4"/>
      <c r="G86" s="7"/>
      <c r="H86" s="4"/>
      <c r="I86" s="4"/>
      <c r="J86" s="5"/>
      <c r="K86" s="6"/>
      <c r="L86" s="7"/>
      <c r="M86" s="5"/>
      <c r="O86" s="3"/>
    </row>
    <row r="87" spans="1:15" s="8" customFormat="1" ht="50.1" customHeight="1" x14ac:dyDescent="0.2">
      <c r="B87" s="4"/>
      <c r="C87" s="4"/>
      <c r="D87" s="4"/>
      <c r="E87" s="3"/>
      <c r="F87" s="4"/>
      <c r="G87" s="7"/>
      <c r="H87" s="4"/>
      <c r="I87" s="4"/>
      <c r="J87" s="5"/>
      <c r="K87" s="6"/>
      <c r="L87" s="7"/>
      <c r="M87" s="5"/>
      <c r="O87" s="3"/>
    </row>
    <row r="88" spans="1:15" s="8" customFormat="1" ht="50.1" customHeight="1" x14ac:dyDescent="0.2">
      <c r="B88" s="4"/>
      <c r="C88" s="4"/>
      <c r="D88" s="4"/>
      <c r="E88" s="3"/>
      <c r="F88" s="4"/>
      <c r="G88" s="7"/>
      <c r="H88" s="4"/>
      <c r="I88" s="4"/>
      <c r="J88" s="5"/>
      <c r="K88" s="6"/>
      <c r="L88" s="7"/>
      <c r="M88" s="5"/>
      <c r="O88" s="3"/>
    </row>
    <row r="89" spans="1:15" s="8" customFormat="1" ht="50.1" customHeight="1" x14ac:dyDescent="0.2">
      <c r="B89" s="4"/>
      <c r="C89" s="4"/>
      <c r="D89" s="4"/>
      <c r="E89" s="3"/>
      <c r="F89" s="4"/>
      <c r="G89" s="7"/>
      <c r="H89" s="4"/>
      <c r="I89" s="4"/>
      <c r="J89" s="5"/>
      <c r="K89" s="6"/>
      <c r="L89" s="7"/>
      <c r="M89" s="5"/>
      <c r="O89" s="3"/>
    </row>
    <row r="90" spans="1:15" ht="95.25" customHeight="1" x14ac:dyDescent="0.2">
      <c r="A90" s="8"/>
      <c r="N90" s="8"/>
    </row>
    <row r="91" spans="1:15" ht="75.75" customHeight="1" x14ac:dyDescent="0.2">
      <c r="A91" s="8"/>
      <c r="N91" s="8"/>
    </row>
    <row r="92" spans="1:15" ht="57" customHeight="1" x14ac:dyDescent="0.2">
      <c r="A92" s="8"/>
      <c r="N92" s="8"/>
    </row>
    <row r="93" spans="1:15" ht="50.1" customHeight="1" x14ac:dyDescent="0.2">
      <c r="A93" s="8"/>
      <c r="N93" s="8"/>
    </row>
    <row r="94" spans="1:15" ht="50.1" customHeight="1" x14ac:dyDescent="0.2">
      <c r="A94" s="8"/>
      <c r="N94" s="8"/>
    </row>
    <row r="95" spans="1:15" ht="50.1" customHeight="1" x14ac:dyDescent="0.2">
      <c r="A95" s="8"/>
      <c r="N95" s="8"/>
    </row>
    <row r="96" spans="1:15" ht="81.75" customHeight="1" x14ac:dyDescent="0.2">
      <c r="A96" s="8"/>
      <c r="N96" s="8"/>
    </row>
    <row r="97" spans="1:15" ht="59.25" customHeight="1" x14ac:dyDescent="0.2">
      <c r="A97" s="8"/>
      <c r="N97" s="8"/>
    </row>
    <row r="98" spans="1:15" ht="50.1" customHeight="1" x14ac:dyDescent="0.2">
      <c r="A98" s="8"/>
      <c r="N98" s="8"/>
    </row>
    <row r="99" spans="1:15" ht="50.1" customHeight="1" x14ac:dyDescent="0.2">
      <c r="A99" s="8"/>
      <c r="N99" s="8"/>
    </row>
    <row r="100" spans="1:15" ht="50.1" customHeight="1" x14ac:dyDescent="0.2">
      <c r="A100" s="8"/>
    </row>
    <row r="101" spans="1:15" x14ac:dyDescent="0.2">
      <c r="A101" s="8"/>
      <c r="N101" s="8"/>
    </row>
    <row r="102" spans="1:15" ht="50.1" customHeight="1" x14ac:dyDescent="0.2">
      <c r="A102" s="8"/>
      <c r="N102" s="8"/>
    </row>
    <row r="103" spans="1:15" ht="68.25" customHeight="1" x14ac:dyDescent="0.2">
      <c r="A103" s="8"/>
      <c r="N103" s="8"/>
    </row>
    <row r="104" spans="1:15" ht="50.1" customHeight="1" x14ac:dyDescent="0.2">
      <c r="A104" s="8"/>
      <c r="N104" s="8"/>
    </row>
    <row r="105" spans="1:15" ht="50.1" customHeight="1" x14ac:dyDescent="0.2">
      <c r="A105" s="8"/>
      <c r="N105" s="8"/>
    </row>
    <row r="106" spans="1:15" ht="50.1" customHeight="1" x14ac:dyDescent="0.2">
      <c r="A106" s="8"/>
      <c r="N106" s="8"/>
    </row>
    <row r="107" spans="1:15" ht="81" customHeight="1" x14ac:dyDescent="0.2">
      <c r="A107" s="8"/>
      <c r="N107" s="8"/>
    </row>
    <row r="108" spans="1:15" ht="50.1" customHeight="1" x14ac:dyDescent="0.2">
      <c r="A108" s="8"/>
      <c r="N108" s="8"/>
    </row>
    <row r="109" spans="1:15" s="8" customFormat="1" ht="84.75" customHeight="1" x14ac:dyDescent="0.2">
      <c r="B109" s="4"/>
      <c r="C109" s="4"/>
      <c r="D109" s="4"/>
      <c r="E109" s="3"/>
      <c r="F109" s="4"/>
      <c r="G109" s="7"/>
      <c r="H109" s="4"/>
      <c r="I109" s="4"/>
      <c r="J109" s="5"/>
      <c r="K109" s="6"/>
      <c r="L109" s="7"/>
      <c r="M109" s="5"/>
      <c r="O109" s="3"/>
    </row>
    <row r="110" spans="1:15" ht="50.1" customHeight="1" x14ac:dyDescent="0.2">
      <c r="A110" s="8"/>
      <c r="N110" s="8"/>
    </row>
    <row r="111" spans="1:15" ht="50.1" customHeight="1" x14ac:dyDescent="0.2">
      <c r="A111" s="8"/>
      <c r="N111" s="8"/>
    </row>
    <row r="112" spans="1:15" ht="50.1" customHeight="1" x14ac:dyDescent="0.2">
      <c r="A112" s="8"/>
      <c r="N112" s="8"/>
    </row>
    <row r="113" spans="1:14" ht="65.25" customHeight="1" x14ac:dyDescent="0.2">
      <c r="A113" s="8"/>
      <c r="N113" s="8"/>
    </row>
    <row r="114" spans="1:14" ht="65.25" customHeight="1" x14ac:dyDescent="0.2">
      <c r="A114" s="8"/>
      <c r="N114" s="8"/>
    </row>
    <row r="115" spans="1:14" ht="50.1" customHeight="1" x14ac:dyDescent="0.2">
      <c r="A115" s="8"/>
      <c r="N115" s="8"/>
    </row>
    <row r="116" spans="1:14" ht="50.1" customHeight="1" x14ac:dyDescent="0.2">
      <c r="A116" s="8"/>
      <c r="N116" s="8"/>
    </row>
    <row r="117" spans="1:14" ht="50.1" customHeight="1" x14ac:dyDescent="0.2">
      <c r="A117" s="8"/>
      <c r="N117" s="8"/>
    </row>
    <row r="118" spans="1:14" ht="50.1" customHeight="1" x14ac:dyDescent="0.2">
      <c r="A118" s="8"/>
      <c r="N118" s="8"/>
    </row>
    <row r="119" spans="1:14" x14ac:dyDescent="0.2">
      <c r="A119" s="8"/>
      <c r="N119" s="8"/>
    </row>
    <row r="120" spans="1:14" ht="50.1" customHeight="1" x14ac:dyDescent="0.2">
      <c r="A120" s="8"/>
      <c r="N120" s="8"/>
    </row>
    <row r="121" spans="1:14" ht="50.1" customHeight="1" x14ac:dyDescent="0.2">
      <c r="A121" s="8"/>
      <c r="N121" s="8"/>
    </row>
    <row r="122" spans="1:14" ht="50.1" customHeight="1" x14ac:dyDescent="0.2">
      <c r="A122" s="8"/>
      <c r="N122" s="8"/>
    </row>
    <row r="123" spans="1:14" ht="60" customHeight="1" x14ac:dyDescent="0.2">
      <c r="A123" s="8"/>
      <c r="N123" s="8"/>
    </row>
    <row r="124" spans="1:14" ht="50.1" customHeight="1" x14ac:dyDescent="0.2">
      <c r="A124" s="8"/>
      <c r="N124" s="8"/>
    </row>
    <row r="125" spans="1:14" ht="50.1" customHeight="1" x14ac:dyDescent="0.2">
      <c r="A125" s="8"/>
      <c r="N125" s="8"/>
    </row>
    <row r="126" spans="1:14" ht="50.1" customHeight="1" x14ac:dyDescent="0.2">
      <c r="A126" s="8"/>
      <c r="N126" s="8"/>
    </row>
    <row r="127" spans="1:14" ht="84.75" customHeight="1" x14ac:dyDescent="0.2">
      <c r="A127" s="8"/>
      <c r="N127" s="8"/>
    </row>
    <row r="128" spans="1:14" ht="60.75" customHeight="1" x14ac:dyDescent="0.2">
      <c r="A128" s="8"/>
      <c r="N128" s="8"/>
    </row>
    <row r="129" spans="1:14" ht="50.1" customHeight="1" x14ac:dyDescent="0.2">
      <c r="A129" s="8"/>
      <c r="N129" s="8"/>
    </row>
    <row r="130" spans="1:14" ht="50.1" customHeight="1" x14ac:dyDescent="0.2">
      <c r="A130" s="8"/>
      <c r="N130" s="8"/>
    </row>
    <row r="131" spans="1:14" ht="64.5" customHeight="1" x14ac:dyDescent="0.2">
      <c r="A131" s="8"/>
      <c r="N131" s="8"/>
    </row>
    <row r="132" spans="1:14" ht="131.25" customHeight="1" x14ac:dyDescent="0.2">
      <c r="A132" s="8"/>
      <c r="N132" s="8"/>
    </row>
    <row r="133" spans="1:14" ht="50.1" customHeight="1" x14ac:dyDescent="0.2">
      <c r="A133" s="8"/>
      <c r="N133" s="8"/>
    </row>
    <row r="134" spans="1:14" ht="50.1" customHeight="1" x14ac:dyDescent="0.2">
      <c r="A134" s="8"/>
      <c r="N134" s="8"/>
    </row>
    <row r="135" spans="1:14" ht="50.1" customHeight="1" x14ac:dyDescent="0.2">
      <c r="A135" s="8"/>
      <c r="N135" s="8"/>
    </row>
    <row r="136" spans="1:14" ht="50.1" customHeight="1" x14ac:dyDescent="0.2">
      <c r="A136" s="8"/>
      <c r="N136" s="8"/>
    </row>
    <row r="137" spans="1:14" ht="63" customHeight="1" x14ac:dyDescent="0.2">
      <c r="A137" s="8"/>
      <c r="N137" s="8"/>
    </row>
    <row r="138" spans="1:14" ht="50.1" customHeight="1" x14ac:dyDescent="0.2">
      <c r="A138" s="8"/>
      <c r="N138" s="8"/>
    </row>
    <row r="139" spans="1:14" ht="56.25" customHeight="1" x14ac:dyDescent="0.2">
      <c r="A139" s="8"/>
      <c r="N139" s="8"/>
    </row>
    <row r="140" spans="1:14" ht="50.1" customHeight="1" x14ac:dyDescent="0.2">
      <c r="A140" s="8"/>
      <c r="N140" s="8"/>
    </row>
    <row r="141" spans="1:14" ht="50.1" customHeight="1" x14ac:dyDescent="0.2">
      <c r="A141" s="8"/>
      <c r="N141" s="8"/>
    </row>
    <row r="142" spans="1:14" ht="50.1" customHeight="1" x14ac:dyDescent="0.2">
      <c r="A142" s="8"/>
      <c r="N142" s="8"/>
    </row>
    <row r="143" spans="1:14" ht="65.25" customHeight="1" x14ac:dyDescent="0.2">
      <c r="A143" s="8"/>
      <c r="N143" s="8"/>
    </row>
    <row r="144" spans="1:14" ht="50.1" customHeight="1" x14ac:dyDescent="0.2">
      <c r="A144" s="8"/>
      <c r="N144" s="8"/>
    </row>
    <row r="145" spans="1:15" ht="50.1" customHeight="1" x14ac:dyDescent="0.2">
      <c r="A145" s="8"/>
      <c r="N145" s="8"/>
    </row>
    <row r="146" spans="1:15" ht="50.1" customHeight="1" x14ac:dyDescent="0.2">
      <c r="A146" s="8"/>
      <c r="N146" s="8"/>
    </row>
    <row r="147" spans="1:15" ht="50.1" customHeight="1" x14ac:dyDescent="0.2">
      <c r="A147" s="8"/>
      <c r="N147" s="8"/>
    </row>
    <row r="148" spans="1:15" ht="62.25" customHeight="1" x14ac:dyDescent="0.2">
      <c r="A148" s="8"/>
      <c r="N148" s="8"/>
    </row>
    <row r="149" spans="1:15" ht="50.1" customHeight="1" x14ac:dyDescent="0.2">
      <c r="A149" s="8"/>
      <c r="N149" s="8"/>
    </row>
    <row r="150" spans="1:15" ht="50.1" customHeight="1" x14ac:dyDescent="0.2">
      <c r="A150" s="8"/>
      <c r="N150" s="8"/>
    </row>
    <row r="151" spans="1:15" ht="50.1" customHeight="1" x14ac:dyDescent="0.2">
      <c r="A151" s="8"/>
      <c r="N151" s="8"/>
    </row>
    <row r="152" spans="1:15" ht="50.1" customHeight="1" x14ac:dyDescent="0.2">
      <c r="A152" s="8"/>
      <c r="N152" s="8"/>
    </row>
    <row r="153" spans="1:15" s="8" customFormat="1" ht="50.1" customHeight="1" x14ac:dyDescent="0.2">
      <c r="B153" s="4"/>
      <c r="C153" s="4"/>
      <c r="D153" s="4"/>
      <c r="E153" s="3"/>
      <c r="F153" s="4"/>
      <c r="G153" s="7"/>
      <c r="H153" s="4"/>
      <c r="I153" s="4"/>
      <c r="J153" s="5"/>
      <c r="K153" s="6"/>
      <c r="L153" s="7"/>
      <c r="M153" s="5"/>
      <c r="O153" s="3"/>
    </row>
    <row r="154" spans="1:15" ht="79.5" customHeight="1" x14ac:dyDescent="0.2">
      <c r="A154" s="8"/>
      <c r="N154" s="8"/>
    </row>
    <row r="155" spans="1:15" ht="76.5" customHeight="1" x14ac:dyDescent="0.2">
      <c r="A155" s="8"/>
      <c r="N155" s="8"/>
    </row>
    <row r="156" spans="1:15" ht="99" customHeight="1" x14ac:dyDescent="0.2">
      <c r="A156" s="8"/>
      <c r="N156" s="8"/>
    </row>
    <row r="157" spans="1:15" ht="49.5" customHeight="1" x14ac:dyDescent="0.2">
      <c r="A157" s="8"/>
      <c r="N157" s="8"/>
    </row>
    <row r="158" spans="1:15" ht="49.5" customHeight="1" x14ac:dyDescent="0.2">
      <c r="A158" s="8"/>
      <c r="N158" s="8"/>
    </row>
    <row r="159" spans="1:15" ht="60.75" customHeight="1" x14ac:dyDescent="0.2">
      <c r="A159" s="8"/>
      <c r="N159" s="8"/>
    </row>
    <row r="160" spans="1:15" ht="50.1" customHeight="1" x14ac:dyDescent="0.2">
      <c r="A160" s="8"/>
      <c r="N160" s="8"/>
    </row>
    <row r="161" spans="1:14" ht="50.1" customHeight="1" x14ac:dyDescent="0.2">
      <c r="A161" s="8"/>
      <c r="N161" s="8"/>
    </row>
    <row r="162" spans="1:14" ht="57" customHeight="1" x14ac:dyDescent="0.2">
      <c r="A162" s="8"/>
      <c r="N162" s="8"/>
    </row>
    <row r="163" spans="1:14" ht="50.1" customHeight="1" x14ac:dyDescent="0.2">
      <c r="A163" s="8"/>
      <c r="N163" s="8"/>
    </row>
    <row r="164" spans="1:14" ht="50.1" customHeight="1" x14ac:dyDescent="0.2">
      <c r="A164" s="8"/>
      <c r="N164" s="8"/>
    </row>
    <row r="165" spans="1:14" ht="50.1" customHeight="1" x14ac:dyDescent="0.2">
      <c r="A165" s="8"/>
      <c r="N165" s="8"/>
    </row>
    <row r="166" spans="1:14" ht="50.1" customHeight="1" x14ac:dyDescent="0.2">
      <c r="A166" s="8" t="s">
        <v>66</v>
      </c>
      <c r="N166" s="8"/>
    </row>
    <row r="167" spans="1:14" ht="77.25" customHeight="1" x14ac:dyDescent="0.2">
      <c r="A167" s="8"/>
      <c r="N167" s="8"/>
    </row>
    <row r="168" spans="1:14" ht="96" customHeight="1" x14ac:dyDescent="0.2">
      <c r="A168" s="8"/>
      <c r="N168" s="8"/>
    </row>
    <row r="169" spans="1:14" ht="50.1" customHeight="1" x14ac:dyDescent="0.2">
      <c r="A169" s="8"/>
      <c r="N169" s="8"/>
    </row>
    <row r="170" spans="1:14" ht="96" customHeight="1" x14ac:dyDescent="0.2">
      <c r="A170" s="8"/>
      <c r="N170" s="8"/>
    </row>
    <row r="171" spans="1:14" ht="50.1" customHeight="1" x14ac:dyDescent="0.2">
      <c r="A171" s="8"/>
      <c r="N171" s="8"/>
    </row>
    <row r="172" spans="1:14" ht="50.1" customHeight="1" x14ac:dyDescent="0.2">
      <c r="A172" s="8"/>
      <c r="N172" s="8"/>
    </row>
    <row r="173" spans="1:14" ht="50.1" customHeight="1" x14ac:dyDescent="0.2">
      <c r="A173" s="8"/>
      <c r="N173" s="8"/>
    </row>
    <row r="174" spans="1:14" ht="50.1" customHeight="1" x14ac:dyDescent="0.2">
      <c r="A174" s="8"/>
      <c r="N174" s="8"/>
    </row>
    <row r="175" spans="1:14" ht="50.1" customHeight="1" x14ac:dyDescent="0.2">
      <c r="A175" s="8"/>
      <c r="N175" s="8"/>
    </row>
    <row r="176" spans="1:14" ht="50.1" customHeight="1" x14ac:dyDescent="0.2">
      <c r="A176" s="8"/>
      <c r="N176" s="8"/>
    </row>
    <row r="177" spans="1:14" ht="104.25" customHeight="1" x14ac:dyDescent="0.2">
      <c r="A177" s="8"/>
      <c r="N177" s="8"/>
    </row>
    <row r="178" spans="1:14" ht="63.75" customHeight="1" x14ac:dyDescent="0.2">
      <c r="A178" s="8"/>
      <c r="N178" s="8"/>
    </row>
    <row r="179" spans="1:14" ht="144" customHeight="1" x14ac:dyDescent="0.2">
      <c r="A179" s="8"/>
      <c r="N179" s="8"/>
    </row>
    <row r="180" spans="1:14" ht="50.1" customHeight="1" x14ac:dyDescent="0.2">
      <c r="A180" s="8"/>
      <c r="N180" s="8"/>
    </row>
    <row r="181" spans="1:14" ht="50.1" customHeight="1" x14ac:dyDescent="0.2">
      <c r="A181" s="8"/>
      <c r="N181" s="8"/>
    </row>
    <row r="182" spans="1:14" ht="50.1" customHeight="1" x14ac:dyDescent="0.2">
      <c r="A182" s="8"/>
      <c r="N182" s="8"/>
    </row>
    <row r="183" spans="1:14" ht="50.1" customHeight="1" x14ac:dyDescent="0.2">
      <c r="A183" s="8"/>
      <c r="N183" s="8"/>
    </row>
    <row r="184" spans="1:14" ht="50.1" customHeight="1" x14ac:dyDescent="0.2">
      <c r="A184" s="8"/>
      <c r="N184" s="8"/>
    </row>
    <row r="185" spans="1:14" ht="50.1" customHeight="1" x14ac:dyDescent="0.2">
      <c r="A185" s="8"/>
      <c r="N185" s="8"/>
    </row>
    <row r="186" spans="1:14" ht="50.1" customHeight="1" x14ac:dyDescent="0.2">
      <c r="A186" s="8"/>
      <c r="N186" s="8"/>
    </row>
    <row r="187" spans="1:14" ht="50.1" customHeight="1" x14ac:dyDescent="0.2">
      <c r="A187" s="8"/>
      <c r="N187" s="8"/>
    </row>
    <row r="188" spans="1:14" ht="50.1" customHeight="1" x14ac:dyDescent="0.2">
      <c r="A188" s="8"/>
      <c r="N188" s="8"/>
    </row>
    <row r="189" spans="1:14" x14ac:dyDescent="0.2">
      <c r="A189" s="8"/>
      <c r="N189" s="8"/>
    </row>
    <row r="190" spans="1:14" ht="50.1" customHeight="1" x14ac:dyDescent="0.2">
      <c r="A190" s="8"/>
      <c r="N190" s="8"/>
    </row>
    <row r="191" spans="1:14" ht="50.1" customHeight="1" x14ac:dyDescent="0.2">
      <c r="A191" s="8"/>
      <c r="N191" s="8"/>
    </row>
    <row r="192" spans="1:14" ht="50.1" customHeight="1" x14ac:dyDescent="0.2">
      <c r="A192" s="8"/>
      <c r="N192" s="8"/>
    </row>
    <row r="193" spans="1:15" ht="50.1" customHeight="1" x14ac:dyDescent="0.2">
      <c r="A193" s="8"/>
      <c r="N193" s="8"/>
    </row>
    <row r="194" spans="1:15" ht="50.1" customHeight="1" x14ac:dyDescent="0.2">
      <c r="A194" s="8"/>
      <c r="N194" s="8"/>
    </row>
    <row r="195" spans="1:15" ht="50.1" customHeight="1" x14ac:dyDescent="0.2">
      <c r="A195" s="8"/>
      <c r="N195" s="8"/>
    </row>
    <row r="196" spans="1:15" ht="50.1" customHeight="1" x14ac:dyDescent="0.2">
      <c r="A196" s="8"/>
      <c r="N196" s="8"/>
    </row>
    <row r="197" spans="1:15" s="8" customFormat="1" ht="50.1" customHeight="1" x14ac:dyDescent="0.2">
      <c r="B197" s="4"/>
      <c r="C197" s="4"/>
      <c r="D197" s="4"/>
      <c r="E197" s="3"/>
      <c r="F197" s="4"/>
      <c r="G197" s="7"/>
      <c r="H197" s="4"/>
      <c r="I197" s="4"/>
      <c r="J197" s="5"/>
      <c r="K197" s="6"/>
      <c r="L197" s="7"/>
      <c r="M197" s="5"/>
      <c r="O197" s="3"/>
    </row>
    <row r="198" spans="1:15" ht="85.5" customHeight="1" x14ac:dyDescent="0.2">
      <c r="A198" s="8"/>
      <c r="N198" s="8"/>
    </row>
    <row r="199" spans="1:15" ht="72" customHeight="1" x14ac:dyDescent="0.2">
      <c r="A199" s="8"/>
      <c r="N199" s="8"/>
    </row>
    <row r="200" spans="1:15" ht="50.1" customHeight="1" x14ac:dyDescent="0.2">
      <c r="A200" s="8"/>
      <c r="N200" s="8"/>
    </row>
    <row r="201" spans="1:15" ht="57.75" customHeight="1" x14ac:dyDescent="0.2">
      <c r="A201" s="8"/>
      <c r="N201" s="8"/>
    </row>
    <row r="202" spans="1:15" ht="50.1" customHeight="1" x14ac:dyDescent="0.2">
      <c r="A202" s="8"/>
      <c r="N202" s="8"/>
    </row>
    <row r="203" spans="1:15" ht="50.1" customHeight="1" x14ac:dyDescent="0.2">
      <c r="A203" s="8"/>
      <c r="N203" s="8"/>
    </row>
    <row r="204" spans="1:15" ht="50.1" customHeight="1" x14ac:dyDescent="0.2">
      <c r="A204" s="8"/>
      <c r="N204" s="8"/>
    </row>
    <row r="205" spans="1:15" ht="50.1" customHeight="1" x14ac:dyDescent="0.2">
      <c r="A205" s="8"/>
      <c r="N205" s="8"/>
    </row>
    <row r="206" spans="1:15" ht="50.1" customHeight="1" x14ac:dyDescent="0.2">
      <c r="A206" s="8"/>
      <c r="N206" s="8"/>
    </row>
    <row r="207" spans="1:15" ht="50.1" customHeight="1" x14ac:dyDescent="0.2">
      <c r="A207" s="8"/>
      <c r="N207" s="8"/>
    </row>
    <row r="208" spans="1:15" ht="50.1" customHeight="1" x14ac:dyDescent="0.2">
      <c r="A208" s="8"/>
      <c r="N208" s="8"/>
    </row>
    <row r="209" spans="1:14" ht="50.1" customHeight="1" x14ac:dyDescent="0.2">
      <c r="A209" s="8"/>
      <c r="N209" s="8"/>
    </row>
    <row r="210" spans="1:14" ht="50.1" customHeight="1" x14ac:dyDescent="0.2">
      <c r="A210" s="8"/>
      <c r="N210" s="8"/>
    </row>
    <row r="211" spans="1:14" ht="50.1" customHeight="1" x14ac:dyDescent="0.2">
      <c r="A211" s="8"/>
      <c r="N211" s="8"/>
    </row>
    <row r="212" spans="1:14" ht="60" customHeight="1" x14ac:dyDescent="0.2">
      <c r="A212" s="8"/>
      <c r="N212" s="8"/>
    </row>
    <row r="213" spans="1:14" ht="50.1" customHeight="1" x14ac:dyDescent="0.2">
      <c r="A213" s="8"/>
      <c r="N213" s="8"/>
    </row>
    <row r="214" spans="1:14" ht="50.1" customHeight="1" x14ac:dyDescent="0.2">
      <c r="A214" s="8"/>
      <c r="N214" s="8"/>
    </row>
    <row r="215" spans="1:14" ht="59.25" customHeight="1" x14ac:dyDescent="0.2">
      <c r="A215" s="8"/>
      <c r="N215" s="8"/>
    </row>
    <row r="216" spans="1:14" ht="59.25" customHeight="1" x14ac:dyDescent="0.2">
      <c r="A216" s="8"/>
      <c r="N216" s="8"/>
    </row>
    <row r="217" spans="1:14" ht="50.1" customHeight="1" x14ac:dyDescent="0.2">
      <c r="A217" s="8"/>
      <c r="N217" s="8"/>
    </row>
    <row r="218" spans="1:14" ht="50.1" customHeight="1" x14ac:dyDescent="0.2">
      <c r="A218" s="8"/>
      <c r="N218" s="8"/>
    </row>
    <row r="219" spans="1:14" ht="100.5" customHeight="1" x14ac:dyDescent="0.2">
      <c r="A219" s="8"/>
      <c r="N219" s="8"/>
    </row>
    <row r="220" spans="1:14" s="70" customFormat="1" ht="50.1" customHeight="1" x14ac:dyDescent="0.2">
      <c r="B220" s="4"/>
      <c r="C220" s="4"/>
      <c r="D220" s="4"/>
      <c r="E220" s="3"/>
      <c r="F220" s="4"/>
      <c r="G220" s="7"/>
      <c r="H220" s="4"/>
      <c r="I220" s="4"/>
      <c r="J220" s="5"/>
      <c r="K220" s="6"/>
      <c r="L220" s="7"/>
      <c r="M220" s="5"/>
    </row>
    <row r="221" spans="1:14" ht="50.1" customHeight="1" x14ac:dyDescent="0.2">
      <c r="A221" s="8"/>
      <c r="N221" s="8"/>
    </row>
    <row r="222" spans="1:14" s="70" customFormat="1" ht="50.1" customHeight="1" x14ac:dyDescent="0.2">
      <c r="B222" s="4"/>
      <c r="C222" s="4"/>
      <c r="D222" s="4"/>
      <c r="E222" s="3"/>
      <c r="F222" s="4"/>
      <c r="G222" s="7"/>
      <c r="H222" s="4"/>
      <c r="I222" s="4"/>
      <c r="J222" s="5"/>
      <c r="K222" s="6"/>
      <c r="L222" s="7"/>
      <c r="M222" s="5"/>
    </row>
    <row r="223" spans="1:14" ht="61.5" customHeight="1" x14ac:dyDescent="0.2">
      <c r="A223" s="8"/>
      <c r="N223" s="8"/>
    </row>
    <row r="224" spans="1:14" ht="50.1" customHeight="1" x14ac:dyDescent="0.2">
      <c r="A224" s="8"/>
      <c r="N224" s="8"/>
    </row>
    <row r="225" spans="1:14" ht="50.1" customHeight="1" x14ac:dyDescent="0.2">
      <c r="A225" s="8"/>
      <c r="N225" s="8"/>
    </row>
    <row r="226" spans="1:14" ht="50.1" customHeight="1" x14ac:dyDescent="0.2">
      <c r="A226" s="8"/>
      <c r="N226" s="8"/>
    </row>
    <row r="227" spans="1:14" ht="50.1" customHeight="1" x14ac:dyDescent="0.2">
      <c r="A227" s="8"/>
      <c r="N227" s="8"/>
    </row>
    <row r="228" spans="1:14" ht="50.1" customHeight="1" x14ac:dyDescent="0.2">
      <c r="A228" s="8"/>
      <c r="N228" s="8"/>
    </row>
    <row r="229" spans="1:14" ht="50.1" customHeight="1" x14ac:dyDescent="0.2">
      <c r="A229" s="8"/>
      <c r="N229" s="8"/>
    </row>
    <row r="230" spans="1:14" ht="50.1" customHeight="1" x14ac:dyDescent="0.2">
      <c r="A230" s="8"/>
      <c r="N230" s="8"/>
    </row>
    <row r="231" spans="1:14" ht="50.1" customHeight="1" x14ac:dyDescent="0.2">
      <c r="A231" s="8"/>
      <c r="N231" s="8"/>
    </row>
    <row r="232" spans="1:14" ht="50.1" customHeight="1" x14ac:dyDescent="0.2">
      <c r="A232" s="8"/>
      <c r="N232" s="8"/>
    </row>
    <row r="233" spans="1:14" ht="50.1" customHeight="1" x14ac:dyDescent="0.2">
      <c r="A233" s="8"/>
      <c r="N233" s="8"/>
    </row>
    <row r="234" spans="1:14" ht="50.1" customHeight="1" x14ac:dyDescent="0.2">
      <c r="A234" s="8"/>
      <c r="N234" s="8"/>
    </row>
    <row r="235" spans="1:14" ht="50.1" customHeight="1" x14ac:dyDescent="0.2">
      <c r="A235" s="8"/>
      <c r="N235" s="8"/>
    </row>
    <row r="236" spans="1:14" ht="50.1" customHeight="1" x14ac:dyDescent="0.2">
      <c r="A236" s="8"/>
      <c r="N236" s="8"/>
    </row>
    <row r="237" spans="1:14" ht="50.1" customHeight="1" x14ac:dyDescent="0.2">
      <c r="A237" s="8"/>
      <c r="N237" s="8"/>
    </row>
    <row r="238" spans="1:14" ht="50.1" customHeight="1" x14ac:dyDescent="0.2">
      <c r="A238" s="8"/>
      <c r="N238" s="8"/>
    </row>
    <row r="239" spans="1:14" ht="50.1" customHeight="1" x14ac:dyDescent="0.2">
      <c r="A239" s="8"/>
      <c r="N239" s="8"/>
    </row>
    <row r="240" spans="1:14" ht="60" customHeight="1" x14ac:dyDescent="0.2">
      <c r="A240" s="8"/>
      <c r="N240" s="8"/>
    </row>
    <row r="241" spans="1:14" ht="67.5" customHeight="1" x14ac:dyDescent="0.2">
      <c r="A241" s="8"/>
      <c r="N241" s="8"/>
    </row>
    <row r="242" spans="1:14" ht="45" customHeight="1" x14ac:dyDescent="0.2">
      <c r="A242" s="8"/>
      <c r="N242" s="8"/>
    </row>
    <row r="243" spans="1:14" ht="50.1" customHeight="1" x14ac:dyDescent="0.2">
      <c r="A243" s="8"/>
      <c r="N243" s="8"/>
    </row>
    <row r="244" spans="1:14" ht="50.1" customHeight="1" x14ac:dyDescent="0.2">
      <c r="A244" s="8"/>
      <c r="N244" s="8"/>
    </row>
    <row r="245" spans="1:14" ht="50.1" customHeight="1" x14ac:dyDescent="0.2">
      <c r="A245" s="8"/>
      <c r="N245" s="8"/>
    </row>
    <row r="246" spans="1:14" ht="50.1" customHeight="1" x14ac:dyDescent="0.2">
      <c r="A246" s="8"/>
      <c r="N246" s="8"/>
    </row>
    <row r="247" spans="1:14" ht="50.1" customHeight="1" x14ac:dyDescent="0.2">
      <c r="A247" s="8"/>
      <c r="N247" s="8"/>
    </row>
    <row r="248" spans="1:14" ht="50.1" customHeight="1" x14ac:dyDescent="0.2">
      <c r="A248" s="8"/>
      <c r="N248" s="8"/>
    </row>
    <row r="249" spans="1:14" ht="50.1" customHeight="1" x14ac:dyDescent="0.2">
      <c r="A249" s="8"/>
      <c r="N249" s="8"/>
    </row>
    <row r="250" spans="1:14" ht="50.1" customHeight="1" x14ac:dyDescent="0.2">
      <c r="A250" s="8"/>
      <c r="N250" s="8"/>
    </row>
    <row r="251" spans="1:14" ht="50.1" customHeight="1" x14ac:dyDescent="0.2">
      <c r="A251" s="8"/>
      <c r="N251" s="8"/>
    </row>
    <row r="252" spans="1:14" ht="50.1" customHeight="1" x14ac:dyDescent="0.2">
      <c r="A252" s="8"/>
      <c r="N252" s="8"/>
    </row>
    <row r="253" spans="1:14" ht="50.1" customHeight="1" x14ac:dyDescent="0.2">
      <c r="A253" s="8"/>
      <c r="N253" s="8"/>
    </row>
    <row r="254" spans="1:14" ht="50.1" customHeight="1" x14ac:dyDescent="0.2">
      <c r="A254" s="8"/>
      <c r="N254" s="8"/>
    </row>
    <row r="255" spans="1:14" ht="50.1" customHeight="1" x14ac:dyDescent="0.2">
      <c r="A255" s="8"/>
      <c r="N255" s="8"/>
    </row>
    <row r="256" spans="1:14" ht="59.25" customHeight="1" x14ac:dyDescent="0.2">
      <c r="A256" s="8"/>
      <c r="N256" s="8"/>
    </row>
    <row r="257" spans="1:14" ht="59.25" customHeight="1" x14ac:dyDescent="0.2">
      <c r="A257" s="8"/>
      <c r="N257" s="8"/>
    </row>
    <row r="258" spans="1:14" ht="59.25" customHeight="1" x14ac:dyDescent="0.2">
      <c r="A258" s="8"/>
      <c r="N258" s="8"/>
    </row>
    <row r="259" spans="1:14" ht="50.1" customHeight="1" x14ac:dyDescent="0.2">
      <c r="A259" s="8"/>
      <c r="N259" s="8"/>
    </row>
    <row r="260" spans="1:14" ht="50.1" customHeight="1" x14ac:dyDescent="0.2">
      <c r="A260" s="8"/>
      <c r="N260" s="8"/>
    </row>
    <row r="261" spans="1:14" ht="50.1" customHeight="1" x14ac:dyDescent="0.2">
      <c r="A261" s="8"/>
      <c r="N261" s="8"/>
    </row>
    <row r="262" spans="1:14" ht="50.1" customHeight="1" x14ac:dyDescent="0.2">
      <c r="A262" s="8"/>
      <c r="N262" s="8"/>
    </row>
    <row r="263" spans="1:14" ht="50.1" customHeight="1" x14ac:dyDescent="0.2">
      <c r="A263" s="8"/>
      <c r="N263" s="8"/>
    </row>
    <row r="264" spans="1:14" ht="50.1" customHeight="1" x14ac:dyDescent="0.2">
      <c r="A264" s="8"/>
      <c r="N264" s="8"/>
    </row>
    <row r="265" spans="1:14" ht="50.1" customHeight="1" x14ac:dyDescent="0.2">
      <c r="A265" s="8"/>
      <c r="N265" s="8"/>
    </row>
    <row r="266" spans="1:14" ht="50.1" customHeight="1" x14ac:dyDescent="0.2">
      <c r="A266" s="8"/>
      <c r="N266" s="8"/>
    </row>
    <row r="267" spans="1:14" ht="50.1" customHeight="1" x14ac:dyDescent="0.2">
      <c r="A267" s="8"/>
      <c r="N267" s="8"/>
    </row>
    <row r="268" spans="1:14" ht="93.75" customHeight="1" x14ac:dyDescent="0.2">
      <c r="A268" s="8"/>
      <c r="N268" s="8"/>
    </row>
    <row r="269" spans="1:14" ht="93.75" customHeight="1" x14ac:dyDescent="0.2">
      <c r="A269" s="8"/>
      <c r="N269" s="8"/>
    </row>
    <row r="270" spans="1:14" ht="99" customHeight="1" x14ac:dyDescent="0.2">
      <c r="A270" s="33"/>
      <c r="N270" s="8"/>
    </row>
    <row r="271" spans="1:14" ht="50.1" customHeight="1" x14ac:dyDescent="0.2">
      <c r="A271" s="8"/>
      <c r="N271" s="8"/>
    </row>
    <row r="272" spans="1:14" ht="50.1" customHeight="1" x14ac:dyDescent="0.2">
      <c r="A272" s="8"/>
      <c r="N272" s="8"/>
    </row>
    <row r="273" spans="1:15" ht="50.1" customHeight="1" x14ac:dyDescent="0.2">
      <c r="A273" s="8"/>
      <c r="N273" s="8"/>
    </row>
    <row r="274" spans="1:15" ht="50.1" customHeight="1" x14ac:dyDescent="0.2">
      <c r="A274" s="8"/>
      <c r="N274" s="8"/>
    </row>
    <row r="275" spans="1:15" ht="105.75" customHeight="1" x14ac:dyDescent="0.2">
      <c r="A275" s="8"/>
      <c r="N275" s="8"/>
    </row>
    <row r="276" spans="1:15" ht="57" customHeight="1" x14ac:dyDescent="0.2">
      <c r="A276" s="8"/>
      <c r="N276" s="8"/>
    </row>
    <row r="277" spans="1:15" ht="57" customHeight="1" x14ac:dyDescent="0.2">
      <c r="A277" s="8"/>
      <c r="N277" s="8"/>
    </row>
    <row r="278" spans="1:15" ht="50.1" customHeight="1" x14ac:dyDescent="0.2">
      <c r="A278" s="8"/>
      <c r="N278" s="8"/>
    </row>
    <row r="279" spans="1:15" ht="50.1" customHeight="1" x14ac:dyDescent="0.2">
      <c r="A279" s="8"/>
      <c r="N279" s="8"/>
    </row>
    <row r="280" spans="1:15" ht="50.1" customHeight="1" x14ac:dyDescent="0.2">
      <c r="A280" s="8"/>
      <c r="N280" s="8"/>
    </row>
    <row r="281" spans="1:15" ht="50.1" customHeight="1" x14ac:dyDescent="0.2">
      <c r="A281" s="8"/>
      <c r="N281" s="8"/>
    </row>
    <row r="282" spans="1:15" ht="63" customHeight="1" x14ac:dyDescent="0.2">
      <c r="A282" s="8"/>
      <c r="N282" s="8"/>
    </row>
    <row r="283" spans="1:15" s="8" customFormat="1" ht="88.5" customHeight="1" x14ac:dyDescent="0.2">
      <c r="B283" s="4"/>
      <c r="C283" s="4"/>
      <c r="D283" s="4"/>
      <c r="E283" s="3"/>
      <c r="F283" s="4"/>
      <c r="G283" s="7"/>
      <c r="H283" s="4"/>
      <c r="I283" s="4"/>
      <c r="J283" s="5"/>
      <c r="K283" s="6"/>
      <c r="L283" s="7"/>
      <c r="M283" s="5"/>
      <c r="O283" s="3"/>
    </row>
    <row r="284" spans="1:15" ht="50.1" customHeight="1" x14ac:dyDescent="0.2">
      <c r="A284" s="8"/>
      <c r="N284" s="8"/>
    </row>
    <row r="285" spans="1:15" ht="50.1" customHeight="1" x14ac:dyDescent="0.2">
      <c r="A285" s="8"/>
      <c r="N285" s="8"/>
    </row>
    <row r="286" spans="1:15" ht="60.75" customHeight="1" x14ac:dyDescent="0.2">
      <c r="A286" s="8"/>
      <c r="N286" s="8"/>
    </row>
    <row r="287" spans="1:15" ht="50.1" customHeight="1" x14ac:dyDescent="0.2">
      <c r="A287" s="8"/>
      <c r="N287" s="8"/>
    </row>
    <row r="288" spans="1:15" ht="63" customHeight="1" x14ac:dyDescent="0.2">
      <c r="A288" s="8"/>
      <c r="N288" s="8"/>
    </row>
    <row r="289" spans="1:14" ht="63" customHeight="1" x14ac:dyDescent="0.2">
      <c r="A289" s="8"/>
      <c r="N289" s="8"/>
    </row>
    <row r="290" spans="1:14" ht="68.25" customHeight="1" x14ac:dyDescent="0.2">
      <c r="A290" s="8"/>
      <c r="N290" s="8"/>
    </row>
    <row r="291" spans="1:14" ht="50.1" customHeight="1" x14ac:dyDescent="0.2">
      <c r="A291" s="8"/>
      <c r="N291" s="8"/>
    </row>
    <row r="292" spans="1:14" ht="63.75" customHeight="1" x14ac:dyDescent="0.2">
      <c r="A292" s="8"/>
      <c r="N292" s="8"/>
    </row>
    <row r="293" spans="1:14" ht="50.1" customHeight="1" x14ac:dyDescent="0.2">
      <c r="A293" s="8"/>
      <c r="N293" s="8"/>
    </row>
    <row r="294" spans="1:14" ht="71.25" customHeight="1" x14ac:dyDescent="0.2">
      <c r="A294" s="8"/>
      <c r="N294" s="8"/>
    </row>
    <row r="295" spans="1:14" ht="50.1" customHeight="1" x14ac:dyDescent="0.2">
      <c r="A295" s="8"/>
      <c r="N295" s="8"/>
    </row>
    <row r="296" spans="1:14" ht="67.5" customHeight="1" x14ac:dyDescent="0.2">
      <c r="A296" s="8"/>
      <c r="N296" s="8"/>
    </row>
    <row r="297" spans="1:14" ht="112.5" customHeight="1" x14ac:dyDescent="0.2">
      <c r="A297" s="8"/>
      <c r="N297" s="8"/>
    </row>
    <row r="298" spans="1:14" ht="80.25" customHeight="1" x14ac:dyDescent="0.2">
      <c r="A298" s="8"/>
      <c r="N298" s="8"/>
    </row>
    <row r="299" spans="1:14" ht="50.1" customHeight="1" x14ac:dyDescent="0.2">
      <c r="A299" s="8"/>
      <c r="N299" s="8"/>
    </row>
    <row r="300" spans="1:14" ht="50.1" customHeight="1" x14ac:dyDescent="0.2">
      <c r="A300" s="8"/>
      <c r="N300" s="8"/>
    </row>
    <row r="301" spans="1:14" ht="50.1" customHeight="1" x14ac:dyDescent="0.2">
      <c r="A301" s="8"/>
      <c r="N301" s="8"/>
    </row>
    <row r="302" spans="1:14" ht="50.1" customHeight="1" x14ac:dyDescent="0.2">
      <c r="A302" s="8"/>
      <c r="N302" s="8"/>
    </row>
    <row r="303" spans="1:14" ht="50.1" customHeight="1" x14ac:dyDescent="0.2">
      <c r="A303" s="8"/>
      <c r="N303" s="8"/>
    </row>
    <row r="304" spans="1:14" ht="63" customHeight="1" x14ac:dyDescent="0.2">
      <c r="A304" s="8"/>
      <c r="N304" s="8"/>
    </row>
    <row r="305" spans="1:14" ht="76.5" customHeight="1" x14ac:dyDescent="0.2">
      <c r="A305" s="8"/>
      <c r="N305" s="8"/>
    </row>
    <row r="306" spans="1:14" ht="50.1" customHeight="1" x14ac:dyDescent="0.2">
      <c r="A306" s="8"/>
      <c r="N306" s="8"/>
    </row>
    <row r="307" spans="1:14" ht="64.5" customHeight="1" x14ac:dyDescent="0.2">
      <c r="A307" s="8"/>
      <c r="N307" s="8"/>
    </row>
    <row r="308" spans="1:14" ht="50.1" customHeight="1" x14ac:dyDescent="0.2">
      <c r="A308" s="8"/>
      <c r="N308" s="8"/>
    </row>
    <row r="309" spans="1:14" ht="50.1" customHeight="1" x14ac:dyDescent="0.2">
      <c r="A309" s="8"/>
      <c r="N309" s="8"/>
    </row>
    <row r="310" spans="1:14" ht="50.1" customHeight="1" x14ac:dyDescent="0.2">
      <c r="A310" s="8"/>
      <c r="N310" s="8"/>
    </row>
    <row r="311" spans="1:14" ht="50.1" customHeight="1" x14ac:dyDescent="0.2">
      <c r="A311" s="8"/>
      <c r="N311" s="8"/>
    </row>
    <row r="312" spans="1:14" ht="50.1" customHeight="1" x14ac:dyDescent="0.2">
      <c r="A312" s="8"/>
      <c r="N312" s="8"/>
    </row>
    <row r="313" spans="1:14" ht="50.1" customHeight="1" x14ac:dyDescent="0.2">
      <c r="A313" s="8"/>
      <c r="N313" s="8"/>
    </row>
    <row r="314" spans="1:14" ht="72" customHeight="1" x14ac:dyDescent="0.2">
      <c r="A314" s="8"/>
      <c r="N314" s="8"/>
    </row>
    <row r="315" spans="1:14" ht="50.1" customHeight="1" x14ac:dyDescent="0.2">
      <c r="A315" s="8"/>
      <c r="N315" s="8"/>
    </row>
    <row r="316" spans="1:14" ht="50.1" customHeight="1" x14ac:dyDescent="0.2">
      <c r="A316" s="8"/>
      <c r="N316" s="8"/>
    </row>
    <row r="317" spans="1:14" ht="56.25" customHeight="1" x14ac:dyDescent="0.2">
      <c r="A317" s="8"/>
      <c r="N317" s="8"/>
    </row>
    <row r="318" spans="1:14" ht="56.25" customHeight="1" x14ac:dyDescent="0.2">
      <c r="A318" s="8"/>
      <c r="N318" s="8"/>
    </row>
    <row r="319" spans="1:14" ht="50.1" customHeight="1" x14ac:dyDescent="0.2">
      <c r="A319" s="8"/>
      <c r="N319" s="8"/>
    </row>
    <row r="320" spans="1:14" ht="61.5" customHeight="1" x14ac:dyDescent="0.2">
      <c r="A320" s="8"/>
      <c r="N320" s="8"/>
    </row>
    <row r="321" spans="1:14" ht="77.25" customHeight="1" x14ac:dyDescent="0.2">
      <c r="A321" s="8"/>
      <c r="N321" s="8"/>
    </row>
    <row r="322" spans="1:14" ht="50.1" customHeight="1" x14ac:dyDescent="0.2">
      <c r="A322" s="8"/>
      <c r="N322" s="8"/>
    </row>
    <row r="323" spans="1:14" ht="55.5" customHeight="1" x14ac:dyDescent="0.2">
      <c r="A323" s="8"/>
      <c r="N323" s="8"/>
    </row>
    <row r="324" spans="1:14" ht="50.1" customHeight="1" x14ac:dyDescent="0.2">
      <c r="A324" s="8"/>
      <c r="N324" s="8"/>
    </row>
    <row r="325" spans="1:14" ht="50.1" customHeight="1" x14ac:dyDescent="0.2">
      <c r="A325" s="8"/>
      <c r="N325" s="8"/>
    </row>
    <row r="326" spans="1:14" ht="50.1" customHeight="1" x14ac:dyDescent="0.2">
      <c r="A326" s="8"/>
      <c r="N326" s="8"/>
    </row>
    <row r="327" spans="1:14" ht="50.1" customHeight="1" x14ac:dyDescent="0.2">
      <c r="A327" s="8"/>
      <c r="N327" s="8"/>
    </row>
    <row r="328" spans="1:14" ht="50.1" customHeight="1" x14ac:dyDescent="0.2">
      <c r="A328" s="8"/>
      <c r="N328" s="8"/>
    </row>
    <row r="329" spans="1:14" ht="50.1" customHeight="1" x14ac:dyDescent="0.2">
      <c r="A329" s="8"/>
      <c r="N329" s="8"/>
    </row>
    <row r="330" spans="1:14" ht="50.1" customHeight="1" x14ac:dyDescent="0.2">
      <c r="A330" s="8"/>
      <c r="N330" s="8"/>
    </row>
    <row r="331" spans="1:14" ht="50.1" customHeight="1" x14ac:dyDescent="0.2">
      <c r="A331" s="8"/>
      <c r="N331" s="8"/>
    </row>
    <row r="332" spans="1:14" ht="50.1" customHeight="1" x14ac:dyDescent="0.2">
      <c r="A332" s="8"/>
      <c r="N332" s="8"/>
    </row>
    <row r="333" spans="1:14" ht="50.1" customHeight="1" x14ac:dyDescent="0.2">
      <c r="A333" s="8"/>
      <c r="N333" s="8"/>
    </row>
    <row r="334" spans="1:14" ht="50.1" customHeight="1" x14ac:dyDescent="0.2">
      <c r="A334" s="8"/>
      <c r="N334" s="8"/>
    </row>
    <row r="335" spans="1:14" ht="50.1" customHeight="1" x14ac:dyDescent="0.2">
      <c r="A335" s="8"/>
      <c r="N335" s="8"/>
    </row>
    <row r="336" spans="1:14" ht="72" customHeight="1" x14ac:dyDescent="0.2">
      <c r="A336" s="8"/>
      <c r="N336" s="8"/>
    </row>
    <row r="337" spans="1:15" ht="50.1" customHeight="1" x14ac:dyDescent="0.2">
      <c r="A337" s="8"/>
      <c r="N337" s="8"/>
    </row>
    <row r="338" spans="1:15" ht="50.1" customHeight="1" x14ac:dyDescent="0.2">
      <c r="A338" s="8"/>
      <c r="N338" s="8"/>
    </row>
    <row r="339" spans="1:15" ht="50.1" customHeight="1" x14ac:dyDescent="0.2">
      <c r="A339" s="8"/>
      <c r="N339" s="8"/>
    </row>
    <row r="340" spans="1:15" ht="50.1" customHeight="1" x14ac:dyDescent="0.2">
      <c r="A340" s="8"/>
      <c r="N340" s="8"/>
    </row>
    <row r="341" spans="1:15" x14ac:dyDescent="0.2">
      <c r="A341" s="8"/>
      <c r="N341" s="8"/>
    </row>
    <row r="342" spans="1:15" x14ac:dyDescent="0.2">
      <c r="A342" s="33"/>
      <c r="N342" s="8"/>
    </row>
    <row r="343" spans="1:15" x14ac:dyDescent="0.2">
      <c r="A343" s="33"/>
      <c r="N343" s="8"/>
    </row>
    <row r="344" spans="1:15" x14ac:dyDescent="0.2">
      <c r="A344" s="33"/>
      <c r="N344" s="8"/>
    </row>
    <row r="345" spans="1:15" ht="50.1" customHeight="1" x14ac:dyDescent="0.2">
      <c r="A345" s="8"/>
      <c r="N345" s="8"/>
    </row>
    <row r="346" spans="1:15" ht="50.1" customHeight="1" x14ac:dyDescent="0.2">
      <c r="A346" s="8"/>
      <c r="N346" s="8"/>
    </row>
    <row r="347" spans="1:15" ht="50.1" customHeight="1" x14ac:dyDescent="0.2">
      <c r="A347" s="8"/>
      <c r="N347" s="8"/>
    </row>
    <row r="348" spans="1:15" ht="50.1" customHeight="1" x14ac:dyDescent="0.2">
      <c r="A348" s="8"/>
      <c r="N348" s="8"/>
    </row>
    <row r="349" spans="1:15" s="8" customFormat="1" ht="50.1" customHeight="1" x14ac:dyDescent="0.2">
      <c r="B349" s="4"/>
      <c r="C349" s="4"/>
      <c r="D349" s="4"/>
      <c r="E349" s="3"/>
      <c r="F349" s="4"/>
      <c r="G349" s="7"/>
      <c r="H349" s="4"/>
      <c r="I349" s="4"/>
      <c r="J349" s="5"/>
      <c r="K349" s="6"/>
      <c r="L349" s="7"/>
      <c r="M349" s="5"/>
      <c r="O349" s="3"/>
    </row>
    <row r="350" spans="1:15" s="8" customFormat="1" ht="50.1" customHeight="1" x14ac:dyDescent="0.2">
      <c r="B350" s="4"/>
      <c r="C350" s="4"/>
      <c r="D350" s="4"/>
      <c r="E350" s="3"/>
      <c r="F350" s="4"/>
      <c r="G350" s="7"/>
      <c r="H350" s="4"/>
      <c r="I350" s="4"/>
      <c r="J350" s="5"/>
      <c r="K350" s="6"/>
      <c r="L350" s="7"/>
      <c r="M350" s="5"/>
      <c r="O350" s="3"/>
    </row>
    <row r="351" spans="1:15" s="8" customFormat="1" ht="50.1" customHeight="1" x14ac:dyDescent="0.2">
      <c r="B351" s="4"/>
      <c r="C351" s="4"/>
      <c r="D351" s="4"/>
      <c r="E351" s="3"/>
      <c r="F351" s="4"/>
      <c r="G351" s="7"/>
      <c r="H351" s="4"/>
      <c r="I351" s="4"/>
      <c r="J351" s="5"/>
      <c r="K351" s="6"/>
      <c r="L351" s="7"/>
      <c r="M351" s="5"/>
      <c r="O351" s="3"/>
    </row>
    <row r="352" spans="1:15" ht="50.1" customHeight="1" x14ac:dyDescent="0.2">
      <c r="A352" s="8"/>
      <c r="N352" s="8"/>
    </row>
    <row r="353" spans="1:15" ht="50.1" customHeight="1" x14ac:dyDescent="0.2">
      <c r="A353" s="8"/>
      <c r="N353" s="8"/>
    </row>
    <row r="354" spans="1:15" ht="50.1" customHeight="1" x14ac:dyDescent="0.2">
      <c r="A354" s="8"/>
      <c r="N354" s="8"/>
    </row>
    <row r="355" spans="1:15" ht="50.1" customHeight="1" x14ac:dyDescent="0.2">
      <c r="A355" s="8"/>
      <c r="N355" s="8"/>
    </row>
    <row r="356" spans="1:15" ht="50.1" customHeight="1" x14ac:dyDescent="0.2">
      <c r="A356" s="8"/>
      <c r="N356" s="8"/>
    </row>
    <row r="357" spans="1:15" ht="50.1" customHeight="1" x14ac:dyDescent="0.2">
      <c r="A357" s="8"/>
      <c r="N357" s="8"/>
    </row>
    <row r="358" spans="1:15" s="8" customFormat="1" ht="50.1" customHeight="1" x14ac:dyDescent="0.2">
      <c r="B358" s="4"/>
      <c r="C358" s="4"/>
      <c r="D358" s="4"/>
      <c r="E358" s="3"/>
      <c r="F358" s="4"/>
      <c r="G358" s="7"/>
      <c r="H358" s="4"/>
      <c r="I358" s="4"/>
      <c r="J358" s="5"/>
      <c r="K358" s="6"/>
      <c r="L358" s="7"/>
      <c r="M358" s="5"/>
      <c r="O358" s="3"/>
    </row>
    <row r="359" spans="1:15" ht="50.1" customHeight="1" x14ac:dyDescent="0.2">
      <c r="A359" s="8"/>
      <c r="N359" s="8"/>
    </row>
    <row r="360" spans="1:15" ht="50.1" customHeight="1" x14ac:dyDescent="0.2">
      <c r="A360" s="8"/>
      <c r="N360" s="8"/>
    </row>
    <row r="361" spans="1:15" s="70" customFormat="1" ht="50.1" customHeight="1" x14ac:dyDescent="0.2">
      <c r="B361" s="4"/>
      <c r="C361" s="4"/>
      <c r="D361" s="4"/>
      <c r="E361" s="3"/>
      <c r="F361" s="4"/>
      <c r="G361" s="7"/>
      <c r="H361" s="4"/>
      <c r="I361" s="4"/>
      <c r="J361" s="5"/>
      <c r="K361" s="6"/>
      <c r="L361" s="7"/>
      <c r="M361" s="5"/>
    </row>
    <row r="362" spans="1:15" ht="50.1" customHeight="1" x14ac:dyDescent="0.2">
      <c r="A362" s="8"/>
      <c r="N362" s="8"/>
    </row>
    <row r="363" spans="1:15" ht="57.75" customHeight="1" x14ac:dyDescent="0.2">
      <c r="A363" s="8"/>
      <c r="N363" s="8"/>
    </row>
    <row r="364" spans="1:15" ht="50.1" customHeight="1" x14ac:dyDescent="0.2">
      <c r="N364" s="8"/>
    </row>
    <row r="365" spans="1:15" ht="50.1" customHeight="1" x14ac:dyDescent="0.2"/>
    <row r="366" spans="1:15" ht="50.1" customHeight="1" x14ac:dyDescent="0.2"/>
    <row r="367" spans="1:15" ht="50.1" customHeight="1" x14ac:dyDescent="0.2"/>
    <row r="368" spans="1:15" ht="50.1" customHeight="1" x14ac:dyDescent="0.2"/>
    <row r="369" ht="50.1" customHeight="1" x14ac:dyDescent="0.2"/>
    <row r="370" ht="50.1" customHeight="1" x14ac:dyDescent="0.2"/>
    <row r="371" ht="50.1" customHeight="1" x14ac:dyDescent="0.2"/>
  </sheetData>
  <autoFilter ref="B4:M27" xr:uid="{00000000-0009-0000-0000-000000000000}"/>
  <mergeCells count="12">
    <mergeCell ref="B23:B24"/>
    <mergeCell ref="D13:D15"/>
    <mergeCell ref="D6:D9"/>
    <mergeCell ref="D23:D24"/>
    <mergeCell ref="B2:M2"/>
    <mergeCell ref="D10:D12"/>
    <mergeCell ref="D18:D22"/>
    <mergeCell ref="B6:B9"/>
    <mergeCell ref="B10:B12"/>
    <mergeCell ref="M6:M8"/>
    <mergeCell ref="B13:B15"/>
    <mergeCell ref="B18:B22"/>
  </mergeCells>
  <phoneticPr fontId="1"/>
  <printOptions gridLinesSet="0"/>
  <pageMargins left="0.6692913385826772" right="0.27559055118110237" top="0.47244094488188981" bottom="0.31496062992125984" header="0" footer="0"/>
  <pageSetup paperSize="9" scale="55" fitToHeight="0" pageOrder="overThenDown" orientation="landscape"/>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B7"/>
  <sheetViews>
    <sheetView workbookViewId="0">
      <selection activeCell="A2" sqref="A2"/>
    </sheetView>
  </sheetViews>
  <sheetFormatPr defaultRowHeight="13.2" x14ac:dyDescent="0.2"/>
  <sheetData>
    <row r="1" spans="1:2" x14ac:dyDescent="0.2">
      <c r="A1" t="s">
        <v>84</v>
      </c>
    </row>
    <row r="3" spans="1:2" x14ac:dyDescent="0.2">
      <c r="A3" t="s">
        <v>69</v>
      </c>
      <c r="B3">
        <v>0</v>
      </c>
    </row>
    <row r="4" spans="1:2" x14ac:dyDescent="0.2">
      <c r="A4" t="s">
        <v>70</v>
      </c>
      <c r="B4">
        <v>1</v>
      </c>
    </row>
    <row r="5" spans="1:2" x14ac:dyDescent="0.2">
      <c r="A5" t="s">
        <v>71</v>
      </c>
      <c r="B5">
        <v>2</v>
      </c>
    </row>
    <row r="6" spans="1:2" x14ac:dyDescent="0.2">
      <c r="A6" t="s">
        <v>72</v>
      </c>
      <c r="B6">
        <v>3</v>
      </c>
    </row>
    <row r="7" spans="1:2" x14ac:dyDescent="0.2">
      <c r="A7" t="s">
        <v>73</v>
      </c>
      <c r="B7">
        <v>4</v>
      </c>
    </row>
  </sheetData>
  <phoneticPr fontId="1"/>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養成施設一覧</vt:lpstr>
      <vt:lpstr>コード</vt:lpstr>
      <vt:lpstr>養成施設一覧!Print_Area</vt:lpstr>
      <vt:lpstr>養成施設一覧!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岡崎 瑞穂</dc:creator>
  <cp:lastModifiedBy>user</cp:lastModifiedBy>
  <dcterms:created xsi:type="dcterms:W3CDTF">2025-08-29T00:03:18Z</dcterms:created>
  <dcterms:modified xsi:type="dcterms:W3CDTF">2026-02-04T07:10:0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0EADCB136D93746A674E219BAEF25ED</vt:lpwstr>
  </property>
  <property fmtid="{D5CDD505-2E9C-101B-9397-08002B2CF9AE}" pid="3" name="MediaServiceImageTags">
    <vt:lpwstr/>
  </property>
</Properties>
</file>